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231"/>
  <workbookPr/>
  <mc:AlternateContent xmlns:mc="http://schemas.openxmlformats.org/markup-compatibility/2006">
    <mc:Choice Requires="x15">
      <x15ac:absPath xmlns:x15ac="http://schemas.microsoft.com/office/spreadsheetml/2010/11/ac" url="https://ncconnect.sharepoint.com/sites/AGR-VET/Shared Documents/Farmed Cervid Program/INTERNAL DOCUMENTS AND FORMS/"/>
    </mc:Choice>
  </mc:AlternateContent>
  <xr:revisionPtr revIDLastSave="84" documentId="8_{C3E015FB-A1FD-4CB2-9FA8-C438EB3D5AB6}" xr6:coauthVersionLast="47" xr6:coauthVersionMax="47" xr10:uidLastSave="{A16C00AF-6777-4617-9F8C-72BC55447C88}"/>
  <bookViews>
    <workbookView xWindow="-90" yWindow="-90" windowWidth="19380" windowHeight="10260" xr2:uid="{00000000-000D-0000-FFFF-FFFF00000000}"/>
  </bookViews>
  <sheets>
    <sheet name="Inventory" sheetId="1" r:id="rId1"/>
    <sheet name="2023" sheetId="2" state="hidden" r:id="rId2"/>
    <sheet name="2024" sheetId="3" state="hidden" r:id="rId3"/>
  </sheets>
  <calcPr calcId="191029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  <ext uri="GoogleSheetsCustomDataVersion2">
      <go:sheetsCustomData xmlns:go="http://customooxmlschemas.google.com/" r:id="rId7" roundtripDataChecksum="RAm4KhLFPm9EVCgkJBm8e0WuXSM2Q/duXIGQg0N3qhM="/>
    </ext>
  </extLst>
</workbook>
</file>

<file path=xl/calcChain.xml><?xml version="1.0" encoding="utf-8"?>
<calcChain xmlns="http://schemas.openxmlformats.org/spreadsheetml/2006/main">
  <c r="A15" i="3" l="1"/>
  <c r="A16" i="3" s="1"/>
  <c r="A17" i="3" s="1"/>
  <c r="A18" i="3" s="1"/>
  <c r="A19" i="3" s="1"/>
  <c r="A20" i="3" s="1"/>
  <c r="A21" i="3" s="1"/>
  <c r="A22" i="3" s="1"/>
  <c r="A23" i="3" s="1"/>
  <c r="A24" i="3" s="1"/>
  <c r="A25" i="3" s="1"/>
  <c r="A26" i="3" s="1"/>
  <c r="A27" i="3" s="1"/>
  <c r="A28" i="3" s="1"/>
  <c r="A14" i="3"/>
  <c r="C16" i="2"/>
  <c r="C17" i="2" s="1"/>
  <c r="A16" i="2"/>
  <c r="A17" i="2" s="1"/>
  <c r="A18" i="2" s="1"/>
  <c r="A19" i="2" s="1"/>
  <c r="A20" i="2" s="1"/>
  <c r="A21" i="2" s="1"/>
  <c r="A22" i="2" s="1"/>
  <c r="A23" i="2" s="1"/>
  <c r="A24" i="2" s="1"/>
  <c r="A15" i="2"/>
  <c r="C18" i="2" l="1"/>
  <c r="C19" i="2" l="1"/>
  <c r="C20" i="2" l="1"/>
  <c r="C21" i="2" l="1"/>
</calcChain>
</file>

<file path=xl/sharedStrings.xml><?xml version="1.0" encoding="utf-8"?>
<sst xmlns="http://schemas.openxmlformats.org/spreadsheetml/2006/main" count="293" uniqueCount="68">
  <si>
    <t>Facility Name: Bridgers Deer Farm</t>
  </si>
  <si>
    <t>Street Address: 11279 NC-131 Highway</t>
  </si>
  <si>
    <t>City: Bladenboro</t>
  </si>
  <si>
    <t>NC</t>
  </si>
  <si>
    <t>Zip: 28320</t>
  </si>
  <si>
    <t>Phone: 910-233-5865</t>
  </si>
  <si>
    <t>Email: Tim@BridgersFarm.com</t>
  </si>
  <si>
    <t>Premises ID#: 559950037</t>
  </si>
  <si>
    <t>Count</t>
  </si>
  <si>
    <t>Bangle Tag #</t>
  </si>
  <si>
    <t>Button Tag#</t>
  </si>
  <si>
    <t>Species</t>
  </si>
  <si>
    <t>Sex</t>
  </si>
  <si>
    <t>Date of Birth</t>
  </si>
  <si>
    <t>Age</t>
  </si>
  <si>
    <t>From</t>
  </si>
  <si>
    <t>Pin</t>
  </si>
  <si>
    <t>Sire</t>
  </si>
  <si>
    <t>Dame Button Tag#</t>
  </si>
  <si>
    <t>Sold (Y/N)</t>
  </si>
  <si>
    <t>N</t>
  </si>
  <si>
    <t>Fallow</t>
  </si>
  <si>
    <t>Deer introduced to the Farm in 2023</t>
  </si>
  <si>
    <t>Level</t>
  </si>
  <si>
    <t>F</t>
  </si>
  <si>
    <t>Scotty Brown</t>
  </si>
  <si>
    <t>1&amp;2 - 11/2023 to YTD</t>
  </si>
  <si>
    <t>M</t>
  </si>
  <si>
    <t>Deer introduced to the Farm in 2024</t>
  </si>
  <si>
    <t xml:space="preserve">on </t>
  </si>
  <si>
    <t>Old Bangle Tag#</t>
  </si>
  <si>
    <t>Old Button Tag #</t>
  </si>
  <si>
    <t>Purchase Price</t>
  </si>
  <si>
    <t>Color</t>
  </si>
  <si>
    <t>Dame Banble Tag#</t>
  </si>
  <si>
    <t>Notes</t>
  </si>
  <si>
    <t>BigTime</t>
  </si>
  <si>
    <t xml:space="preserve">3&amp;4 </t>
  </si>
  <si>
    <t>White</t>
  </si>
  <si>
    <t>&lt;1</t>
  </si>
  <si>
    <t>BDF</t>
  </si>
  <si>
    <t>1&amp;2</t>
  </si>
  <si>
    <t>AI - BigWig, Covered - IceMan</t>
  </si>
  <si>
    <t xml:space="preserve">Need to determine sex </t>
  </si>
  <si>
    <t>3&amp;4</t>
  </si>
  <si>
    <t xml:space="preserve">Not tagged </t>
  </si>
  <si>
    <t>TBD</t>
  </si>
  <si>
    <t>AI - Supermoose, Coverd - Hangman</t>
  </si>
  <si>
    <t>Bruce</t>
  </si>
  <si>
    <t>Light Spotted</t>
  </si>
  <si>
    <t>P2204</t>
  </si>
  <si>
    <t xml:space="preserve">Fallow </t>
  </si>
  <si>
    <t>Keeper Ranch</t>
  </si>
  <si>
    <t xml:space="preserve">Gamechanger </t>
  </si>
  <si>
    <t xml:space="preserve">Chocolate </t>
  </si>
  <si>
    <t xml:space="preserve">Facility Name: </t>
  </si>
  <si>
    <t xml:space="preserve">Street Address: </t>
  </si>
  <si>
    <t>City, State and Zip:</t>
  </si>
  <si>
    <t xml:space="preserve">Phone: </t>
  </si>
  <si>
    <t xml:space="preserve">Email: </t>
  </si>
  <si>
    <t xml:space="preserve">Premises ID#: </t>
  </si>
  <si>
    <t>License #</t>
  </si>
  <si>
    <t>County:</t>
  </si>
  <si>
    <t>Date of Inventory:</t>
  </si>
  <si>
    <t>In-herd Birth or Import? Date?</t>
  </si>
  <si>
    <t>Death or Export ?                             Date?</t>
  </si>
  <si>
    <t>CWD Tested? Date and result</t>
  </si>
  <si>
    <t>Test date       and result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&quot;$&quot;#,##0"/>
  </numFmts>
  <fonts count="5" x14ac:knownFonts="1">
    <font>
      <sz val="11"/>
      <color theme="1"/>
      <name val="Calibri"/>
      <scheme val="minor"/>
    </font>
    <font>
      <sz val="11"/>
      <color theme="1"/>
      <name val="Calibri"/>
      <family val="2"/>
    </font>
    <font>
      <sz val="11"/>
      <color theme="1"/>
      <name val="Calibri"/>
      <family val="2"/>
    </font>
    <font>
      <b/>
      <sz val="11"/>
      <color theme="1"/>
      <name val="Calibri"/>
      <family val="2"/>
    </font>
    <font>
      <b/>
      <sz val="11"/>
      <color theme="1"/>
      <name val="Calibri"/>
      <family val="2"/>
      <scheme val="minor"/>
    </font>
  </fonts>
  <fills count="5">
    <fill>
      <patternFill patternType="none"/>
    </fill>
    <fill>
      <patternFill patternType="gray125"/>
    </fill>
    <fill>
      <patternFill patternType="solid">
        <fgColor rgb="FFBDD6EE"/>
        <bgColor rgb="FFBDD6EE"/>
      </patternFill>
    </fill>
    <fill>
      <patternFill patternType="solid">
        <fgColor rgb="FFD8D8D8"/>
        <bgColor rgb="FFD8D8D8"/>
      </patternFill>
    </fill>
    <fill>
      <patternFill patternType="solid">
        <fgColor theme="4" tint="0.59999389629810485"/>
        <bgColor indexed="64"/>
      </patternFill>
    </fill>
  </fills>
  <borders count="6">
    <border>
      <left/>
      <right/>
      <top/>
      <bottom/>
      <diagonal/>
    </border>
    <border>
      <left style="thin">
        <color rgb="FF000000"/>
      </left>
      <right style="thin">
        <color rgb="FF000000"/>
      </right>
      <top style="thin">
        <color rgb="FF000000"/>
      </top>
      <bottom style="thin">
        <color rgb="FF000000"/>
      </bottom>
      <diagonal/>
    </border>
    <border>
      <left/>
      <right/>
      <top/>
      <bottom style="thin">
        <color rgb="FF000000"/>
      </bottom>
      <diagonal/>
    </border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rgb="FF000000"/>
      </left>
      <right/>
      <top style="thin">
        <color rgb="FF000000"/>
      </top>
      <bottom style="thin">
        <color rgb="FF000000"/>
      </bottom>
      <diagonal/>
    </border>
  </borders>
  <cellStyleXfs count="1">
    <xf numFmtId="0" fontId="0" fillId="0" borderId="0"/>
  </cellStyleXfs>
  <cellXfs count="29">
    <xf numFmtId="0" fontId="0" fillId="0" borderId="0" xfId="0"/>
    <xf numFmtId="0" fontId="1" fillId="0" borderId="0" xfId="0" applyFont="1" applyAlignment="1">
      <alignment horizontal="left"/>
    </xf>
    <xf numFmtId="0" fontId="2" fillId="0" borderId="0" xfId="0" applyFont="1"/>
    <xf numFmtId="0" fontId="3" fillId="0" borderId="0" xfId="0" applyFont="1" applyAlignment="1">
      <alignment horizontal="left"/>
    </xf>
    <xf numFmtId="0" fontId="3" fillId="0" borderId="0" xfId="0" applyFont="1" applyAlignment="1">
      <alignment horizontal="center"/>
    </xf>
    <xf numFmtId="15" fontId="3" fillId="0" borderId="0" xfId="0" applyNumberFormat="1" applyFont="1" applyAlignment="1">
      <alignment horizontal="left"/>
    </xf>
    <xf numFmtId="0" fontId="3" fillId="2" borderId="1" xfId="0" applyFont="1" applyFill="1" applyBorder="1" applyAlignment="1">
      <alignment horizontal="center"/>
    </xf>
    <xf numFmtId="0" fontId="3" fillId="0" borderId="2" xfId="0" applyFont="1" applyBorder="1" applyAlignment="1">
      <alignment horizontal="center"/>
    </xf>
    <xf numFmtId="1" fontId="1" fillId="0" borderId="0" xfId="0" applyNumberFormat="1" applyFont="1"/>
    <xf numFmtId="0" fontId="1" fillId="0" borderId="0" xfId="0" applyFont="1" applyAlignment="1">
      <alignment horizontal="right"/>
    </xf>
    <xf numFmtId="0" fontId="1" fillId="3" borderId="3" xfId="0" applyFont="1" applyFill="1" applyBorder="1"/>
    <xf numFmtId="1" fontId="1" fillId="0" borderId="0" xfId="0" applyNumberFormat="1" applyFont="1" applyAlignment="1">
      <alignment horizontal="left"/>
    </xf>
    <xf numFmtId="0" fontId="1" fillId="0" borderId="0" xfId="0" applyFont="1" applyAlignment="1">
      <alignment horizontal="center"/>
    </xf>
    <xf numFmtId="164" fontId="1" fillId="0" borderId="0" xfId="0" applyNumberFormat="1" applyFont="1" applyAlignment="1">
      <alignment horizontal="left"/>
    </xf>
    <xf numFmtId="14" fontId="1" fillId="0" borderId="0" xfId="0" applyNumberFormat="1" applyFont="1" applyAlignment="1">
      <alignment horizontal="left"/>
    </xf>
    <xf numFmtId="164" fontId="2" fillId="0" borderId="0" xfId="0" applyNumberFormat="1" applyFont="1" applyAlignment="1">
      <alignment horizontal="left"/>
    </xf>
    <xf numFmtId="0" fontId="2" fillId="0" borderId="0" xfId="0" applyFont="1" applyAlignment="1">
      <alignment horizontal="left"/>
    </xf>
    <xf numFmtId="1" fontId="1" fillId="0" borderId="1" xfId="0" applyNumberFormat="1" applyFont="1" applyBorder="1" applyAlignment="1">
      <alignment horizontal="left"/>
    </xf>
    <xf numFmtId="0" fontId="1" fillId="0" borderId="1" xfId="0" applyFont="1" applyBorder="1" applyAlignment="1">
      <alignment horizontal="left"/>
    </xf>
    <xf numFmtId="14" fontId="1" fillId="0" borderId="1" xfId="0" applyNumberFormat="1" applyFont="1" applyBorder="1" applyAlignment="1">
      <alignment horizontal="left"/>
    </xf>
    <xf numFmtId="0" fontId="0" fillId="0" borderId="0" xfId="0"/>
    <xf numFmtId="0" fontId="1" fillId="0" borderId="0" xfId="0" applyFont="1" applyAlignment="1">
      <alignment horizontal="left"/>
    </xf>
    <xf numFmtId="0" fontId="3" fillId="2" borderId="1" xfId="0" applyFont="1" applyFill="1" applyBorder="1" applyAlignment="1">
      <alignment horizontal="center" wrapText="1"/>
    </xf>
    <xf numFmtId="0" fontId="3" fillId="2" borderId="5" xfId="0" applyFont="1" applyFill="1" applyBorder="1" applyAlignment="1">
      <alignment horizontal="center" wrapText="1"/>
    </xf>
    <xf numFmtId="14" fontId="2" fillId="0" borderId="5" xfId="0" applyNumberFormat="1" applyFont="1" applyBorder="1" applyAlignment="1">
      <alignment horizontal="left"/>
    </xf>
    <xf numFmtId="0" fontId="2" fillId="0" borderId="5" xfId="0" applyFont="1" applyBorder="1" applyAlignment="1">
      <alignment horizontal="left"/>
    </xf>
    <xf numFmtId="0" fontId="3" fillId="4" borderId="4" xfId="0" applyFont="1" applyFill="1" applyBorder="1" applyAlignment="1">
      <alignment horizontal="center" wrapText="1"/>
    </xf>
    <xf numFmtId="0" fontId="0" fillId="0" borderId="4" xfId="0" applyBorder="1"/>
    <xf numFmtId="0" fontId="4" fillId="4" borderId="4" xfId="0" applyFont="1" applyFill="1" applyBorder="1" applyAlignment="1">
      <alignment horizontal="center" vertical="center" wrapText="1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13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customschemas.google.com/relationships/workbookmetadata" Target="metadata"/><Relationship Id="rId12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11" Type="http://schemas.openxmlformats.org/officeDocument/2006/relationships/calcChain" Target="calcChain.xml"/><Relationship Id="rId10" Type="http://schemas.openxmlformats.org/officeDocument/2006/relationships/sharedStrings" Target="sharedStrings.xml"/><Relationship Id="rId9" Type="http://schemas.openxmlformats.org/officeDocument/2006/relationships/styles" Target="styles.xml"/><Relationship Id="rId14" Type="http://schemas.openxmlformats.org/officeDocument/2006/relationships/customXml" Target="../customXml/item3.xml"/></Relationships>
</file>

<file path=xl/theme/theme1.xml><?xml version="1.0" encoding="utf-8"?>
<a:theme xmlns:a="http://schemas.openxmlformats.org/drawingml/2006/main" name="Sheets">
  <a:themeElements>
    <a:clrScheme name="Sheets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0563C1"/>
      </a:folHlink>
    </a:clrScheme>
    <a:fontScheme name="Sheets">
      <a:majorFont>
        <a:latin typeface="Calibri"/>
        <a:ea typeface="Calibri"/>
        <a:cs typeface="Calibri"/>
      </a:majorFont>
      <a:minorFont>
        <a:latin typeface="Calibri"/>
        <a:ea typeface="Calibri"/>
        <a:cs typeface="Calibri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1000"/>
  <sheetViews>
    <sheetView tabSelected="1" topLeftCell="A2" workbookViewId="0">
      <selection activeCell="H13" sqref="H13:H52"/>
    </sheetView>
  </sheetViews>
  <sheetFormatPr defaultColWidth="14.40625" defaultRowHeight="15" customHeight="1" x14ac:dyDescent="0.75"/>
  <cols>
    <col min="1" max="1" width="22.08984375" customWidth="1"/>
    <col min="2" max="2" width="20.54296875" customWidth="1"/>
    <col min="3" max="3" width="16.90625" customWidth="1"/>
    <col min="4" max="4" width="17.5" customWidth="1"/>
    <col min="5" max="5" width="18.54296875" customWidth="1"/>
    <col min="6" max="6" width="24.5" customWidth="1"/>
    <col min="7" max="7" width="8.7265625" customWidth="1"/>
    <col min="8" max="8" width="11.90625" customWidth="1"/>
    <col min="9" max="15" width="8.7265625" customWidth="1"/>
  </cols>
  <sheetData>
    <row r="1" spans="1:8" ht="14.25" customHeight="1" x14ac:dyDescent="0.75"/>
    <row r="2" spans="1:8" ht="14.25" customHeight="1" x14ac:dyDescent="0.75"/>
    <row r="3" spans="1:8" ht="14.25" customHeight="1" x14ac:dyDescent="0.75">
      <c r="A3" s="9" t="s">
        <v>55</v>
      </c>
      <c r="B3" s="20"/>
      <c r="C3" s="20"/>
    </row>
    <row r="4" spans="1:8" ht="14.25" customHeight="1" x14ac:dyDescent="0.75">
      <c r="A4" s="9" t="s">
        <v>56</v>
      </c>
      <c r="B4" s="20"/>
      <c r="C4" s="20"/>
    </row>
    <row r="5" spans="1:8" ht="14.25" customHeight="1" x14ac:dyDescent="0.75">
      <c r="A5" s="9" t="s">
        <v>57</v>
      </c>
      <c r="B5" s="20"/>
      <c r="C5" s="20"/>
      <c r="D5" s="1"/>
    </row>
    <row r="6" spans="1:8" ht="14.25" customHeight="1" x14ac:dyDescent="0.75">
      <c r="A6" s="9" t="s">
        <v>62</v>
      </c>
      <c r="C6" s="2"/>
      <c r="D6" s="1"/>
    </row>
    <row r="7" spans="1:8" ht="14.25" customHeight="1" x14ac:dyDescent="0.75">
      <c r="A7" s="9" t="s">
        <v>58</v>
      </c>
    </row>
    <row r="8" spans="1:8" ht="14.25" customHeight="1" x14ac:dyDescent="0.75">
      <c r="A8" s="9" t="s">
        <v>59</v>
      </c>
    </row>
    <row r="9" spans="1:8" ht="14.25" customHeight="1" x14ac:dyDescent="0.75">
      <c r="A9" s="9" t="s">
        <v>61</v>
      </c>
      <c r="B9" s="1"/>
      <c r="C9" s="1"/>
      <c r="D9" s="1"/>
      <c r="E9" s="1"/>
    </row>
    <row r="10" spans="1:8" ht="14.25" customHeight="1" x14ac:dyDescent="0.75">
      <c r="A10" s="9" t="s">
        <v>60</v>
      </c>
      <c r="B10" s="1"/>
      <c r="C10" s="1"/>
      <c r="D10" s="1"/>
      <c r="E10" s="1"/>
    </row>
    <row r="11" spans="1:8" ht="12.75" customHeight="1" x14ac:dyDescent="0.75">
      <c r="A11" s="9" t="s">
        <v>63</v>
      </c>
    </row>
    <row r="12" spans="1:8" ht="14.25" hidden="1" customHeight="1" x14ac:dyDescent="0.75">
      <c r="A12" s="1"/>
    </row>
    <row r="13" spans="1:8" ht="29.5" customHeight="1" x14ac:dyDescent="0.75">
      <c r="A13" s="6" t="s">
        <v>9</v>
      </c>
      <c r="B13" s="6" t="s">
        <v>10</v>
      </c>
      <c r="C13" s="6" t="s">
        <v>11</v>
      </c>
      <c r="D13" s="6" t="s">
        <v>12</v>
      </c>
      <c r="E13" s="22" t="s">
        <v>64</v>
      </c>
      <c r="F13" s="23" t="s">
        <v>65</v>
      </c>
      <c r="G13" s="26" t="s">
        <v>66</v>
      </c>
      <c r="H13" s="28" t="s">
        <v>67</v>
      </c>
    </row>
    <row r="14" spans="1:8" ht="14.4" customHeight="1" x14ac:dyDescent="0.75">
      <c r="A14" s="17"/>
      <c r="B14" s="17"/>
      <c r="C14" s="18"/>
      <c r="D14" s="18"/>
      <c r="E14" s="18"/>
      <c r="F14" s="24"/>
      <c r="G14" s="27"/>
      <c r="H14" s="27"/>
    </row>
    <row r="15" spans="1:8" ht="14.4" customHeight="1" x14ac:dyDescent="0.75">
      <c r="A15" s="17"/>
      <c r="B15" s="17"/>
      <c r="C15" s="18"/>
      <c r="D15" s="18"/>
      <c r="E15" s="18"/>
      <c r="F15" s="24"/>
      <c r="G15" s="27"/>
      <c r="H15" s="27"/>
    </row>
    <row r="16" spans="1:8" ht="14.4" customHeight="1" x14ac:dyDescent="0.75">
      <c r="A16" s="17"/>
      <c r="B16" s="17"/>
      <c r="C16" s="18"/>
      <c r="D16" s="18"/>
      <c r="E16" s="18"/>
      <c r="F16" s="24"/>
      <c r="G16" s="27"/>
      <c r="H16" s="27"/>
    </row>
    <row r="17" spans="1:8" ht="14.4" customHeight="1" x14ac:dyDescent="0.75">
      <c r="A17" s="17"/>
      <c r="B17" s="17"/>
      <c r="C17" s="18"/>
      <c r="D17" s="18"/>
      <c r="E17" s="18"/>
      <c r="F17" s="24"/>
      <c r="G17" s="27"/>
      <c r="H17" s="27"/>
    </row>
    <row r="18" spans="1:8" ht="14.4" customHeight="1" x14ac:dyDescent="0.75">
      <c r="A18" s="17"/>
      <c r="B18" s="17"/>
      <c r="C18" s="18"/>
      <c r="D18" s="18"/>
      <c r="E18" s="18"/>
      <c r="F18" s="24"/>
      <c r="G18" s="27"/>
      <c r="H18" s="27"/>
    </row>
    <row r="19" spans="1:8" ht="14.4" customHeight="1" x14ac:dyDescent="0.75">
      <c r="A19" s="17"/>
      <c r="B19" s="17"/>
      <c r="C19" s="18"/>
      <c r="D19" s="18"/>
      <c r="E19" s="18"/>
      <c r="F19" s="24"/>
      <c r="G19" s="27"/>
      <c r="H19" s="27"/>
    </row>
    <row r="20" spans="1:8" ht="14.4" customHeight="1" x14ac:dyDescent="0.75">
      <c r="A20" s="17"/>
      <c r="B20" s="17"/>
      <c r="C20" s="18"/>
      <c r="D20" s="18"/>
      <c r="E20" s="18"/>
      <c r="F20" s="24"/>
      <c r="G20" s="27"/>
      <c r="H20" s="27"/>
    </row>
    <row r="21" spans="1:8" ht="14.4" customHeight="1" x14ac:dyDescent="0.75">
      <c r="A21" s="17"/>
      <c r="B21" s="17"/>
      <c r="C21" s="18"/>
      <c r="D21" s="18"/>
      <c r="E21" s="18"/>
      <c r="F21" s="24"/>
      <c r="G21" s="27"/>
      <c r="H21" s="27"/>
    </row>
    <row r="22" spans="1:8" ht="14.4" customHeight="1" x14ac:dyDescent="0.75">
      <c r="A22" s="17"/>
      <c r="B22" s="17"/>
      <c r="C22" s="18"/>
      <c r="D22" s="18"/>
      <c r="E22" s="18"/>
      <c r="F22" s="24"/>
      <c r="G22" s="27"/>
      <c r="H22" s="27"/>
    </row>
    <row r="23" spans="1:8" ht="14.4" customHeight="1" x14ac:dyDescent="0.75">
      <c r="A23" s="17"/>
      <c r="B23" s="17"/>
      <c r="C23" s="18"/>
      <c r="D23" s="18"/>
      <c r="E23" s="18"/>
      <c r="F23" s="24"/>
      <c r="G23" s="27"/>
      <c r="H23" s="27"/>
    </row>
    <row r="24" spans="1:8" ht="14.4" customHeight="1" x14ac:dyDescent="0.75">
      <c r="A24" s="17"/>
      <c r="B24" s="17"/>
      <c r="C24" s="18"/>
      <c r="D24" s="18"/>
      <c r="E24" s="18"/>
      <c r="F24" s="24"/>
      <c r="G24" s="27"/>
      <c r="H24" s="27"/>
    </row>
    <row r="25" spans="1:8" ht="14.4" customHeight="1" x14ac:dyDescent="0.75">
      <c r="A25" s="17"/>
      <c r="B25" s="17"/>
      <c r="C25" s="18"/>
      <c r="D25" s="18"/>
      <c r="E25" s="18"/>
      <c r="F25" s="24"/>
      <c r="G25" s="27"/>
      <c r="H25" s="27"/>
    </row>
    <row r="26" spans="1:8" ht="14.4" customHeight="1" x14ac:dyDescent="0.75">
      <c r="A26" s="17"/>
      <c r="B26" s="17"/>
      <c r="C26" s="18"/>
      <c r="D26" s="18"/>
      <c r="E26" s="18"/>
      <c r="F26" s="24"/>
      <c r="G26" s="27"/>
      <c r="H26" s="27"/>
    </row>
    <row r="27" spans="1:8" ht="14.4" customHeight="1" x14ac:dyDescent="0.75">
      <c r="A27" s="17"/>
      <c r="B27" s="17"/>
      <c r="C27" s="18"/>
      <c r="D27" s="18"/>
      <c r="E27" s="18"/>
      <c r="F27" s="24"/>
      <c r="G27" s="27"/>
      <c r="H27" s="27"/>
    </row>
    <row r="28" spans="1:8" ht="14.4" customHeight="1" x14ac:dyDescent="0.75">
      <c r="A28" s="17"/>
      <c r="B28" s="17"/>
      <c r="C28" s="18"/>
      <c r="D28" s="18"/>
      <c r="E28" s="18"/>
      <c r="F28" s="24"/>
      <c r="G28" s="27"/>
      <c r="H28" s="27"/>
    </row>
    <row r="29" spans="1:8" ht="14.4" customHeight="1" x14ac:dyDescent="0.75">
      <c r="A29" s="17"/>
      <c r="B29" s="17"/>
      <c r="C29" s="18"/>
      <c r="D29" s="18"/>
      <c r="E29" s="18"/>
      <c r="F29" s="24"/>
      <c r="G29" s="27"/>
      <c r="H29" s="27"/>
    </row>
    <row r="30" spans="1:8" ht="14.4" customHeight="1" x14ac:dyDescent="0.75">
      <c r="A30" s="17"/>
      <c r="B30" s="17"/>
      <c r="C30" s="18"/>
      <c r="D30" s="18"/>
      <c r="E30" s="18"/>
      <c r="F30" s="24"/>
      <c r="G30" s="27"/>
      <c r="H30" s="27"/>
    </row>
    <row r="31" spans="1:8" ht="14.4" customHeight="1" x14ac:dyDescent="0.75">
      <c r="A31" s="17"/>
      <c r="B31" s="17"/>
      <c r="C31" s="18"/>
      <c r="D31" s="18"/>
      <c r="E31" s="18"/>
      <c r="F31" s="24"/>
      <c r="G31" s="27"/>
      <c r="H31" s="27"/>
    </row>
    <row r="32" spans="1:8" ht="14.4" customHeight="1" x14ac:dyDescent="0.75">
      <c r="A32" s="17"/>
      <c r="B32" s="17"/>
      <c r="C32" s="18"/>
      <c r="D32" s="18"/>
      <c r="E32" s="18"/>
      <c r="F32" s="24"/>
      <c r="G32" s="27"/>
      <c r="H32" s="27"/>
    </row>
    <row r="33" spans="1:8" ht="14.4" customHeight="1" x14ac:dyDescent="0.75">
      <c r="A33" s="17"/>
      <c r="B33" s="17"/>
      <c r="C33" s="18"/>
      <c r="D33" s="18"/>
      <c r="E33" s="18"/>
      <c r="F33" s="24"/>
      <c r="G33" s="27"/>
      <c r="H33" s="27"/>
    </row>
    <row r="34" spans="1:8" ht="14.4" customHeight="1" x14ac:dyDescent="0.75">
      <c r="A34" s="17"/>
      <c r="B34" s="18"/>
      <c r="C34" s="18"/>
      <c r="D34" s="18"/>
      <c r="E34" s="19"/>
      <c r="F34" s="24"/>
      <c r="G34" s="27"/>
      <c r="H34" s="27"/>
    </row>
    <row r="35" spans="1:8" ht="14.4" customHeight="1" x14ac:dyDescent="0.75">
      <c r="A35" s="17"/>
      <c r="B35" s="18"/>
      <c r="C35" s="18"/>
      <c r="D35" s="18"/>
      <c r="E35" s="19"/>
      <c r="F35" s="24"/>
      <c r="G35" s="27"/>
      <c r="H35" s="27"/>
    </row>
    <row r="36" spans="1:8" ht="14.4" customHeight="1" x14ac:dyDescent="0.75">
      <c r="A36" s="17"/>
      <c r="B36" s="18"/>
      <c r="C36" s="18"/>
      <c r="D36" s="18"/>
      <c r="E36" s="19"/>
      <c r="F36" s="24"/>
      <c r="G36" s="27"/>
      <c r="H36" s="27"/>
    </row>
    <row r="37" spans="1:8" ht="14.4" customHeight="1" x14ac:dyDescent="0.75">
      <c r="A37" s="17"/>
      <c r="B37" s="18"/>
      <c r="C37" s="18"/>
      <c r="D37" s="18"/>
      <c r="E37" s="19"/>
      <c r="F37" s="24"/>
      <c r="G37" s="27"/>
      <c r="H37" s="27"/>
    </row>
    <row r="38" spans="1:8" ht="14.4" customHeight="1" x14ac:dyDescent="0.75">
      <c r="A38" s="17"/>
      <c r="B38" s="18"/>
      <c r="C38" s="18"/>
      <c r="D38" s="18"/>
      <c r="E38" s="19"/>
      <c r="F38" s="24"/>
      <c r="G38" s="27"/>
      <c r="H38" s="27"/>
    </row>
    <row r="39" spans="1:8" ht="14.4" customHeight="1" x14ac:dyDescent="0.75">
      <c r="A39" s="17"/>
      <c r="B39" s="18"/>
      <c r="C39" s="18"/>
      <c r="D39" s="18"/>
      <c r="E39" s="19"/>
      <c r="F39" s="24"/>
      <c r="G39" s="27"/>
      <c r="H39" s="27"/>
    </row>
    <row r="40" spans="1:8" ht="14.4" customHeight="1" x14ac:dyDescent="0.75">
      <c r="A40" s="17"/>
      <c r="B40" s="18"/>
      <c r="C40" s="18"/>
      <c r="D40" s="18"/>
      <c r="E40" s="19"/>
      <c r="F40" s="24"/>
      <c r="G40" s="27"/>
      <c r="H40" s="27"/>
    </row>
    <row r="41" spans="1:8" ht="14.4" customHeight="1" x14ac:dyDescent="0.75">
      <c r="A41" s="17"/>
      <c r="B41" s="18"/>
      <c r="C41" s="18"/>
      <c r="D41" s="18"/>
      <c r="E41" s="19"/>
      <c r="F41" s="24"/>
      <c r="G41" s="27"/>
      <c r="H41" s="27"/>
    </row>
    <row r="42" spans="1:8" ht="14.4" customHeight="1" x14ac:dyDescent="0.75">
      <c r="A42" s="17"/>
      <c r="B42" s="18"/>
      <c r="C42" s="18"/>
      <c r="D42" s="18"/>
      <c r="E42" s="19"/>
      <c r="F42" s="24"/>
      <c r="G42" s="27"/>
      <c r="H42" s="27"/>
    </row>
    <row r="43" spans="1:8" ht="14.4" customHeight="1" x14ac:dyDescent="0.75">
      <c r="A43" s="17"/>
      <c r="B43" s="18"/>
      <c r="C43" s="18"/>
      <c r="D43" s="18"/>
      <c r="E43" s="19"/>
      <c r="F43" s="24"/>
      <c r="G43" s="27"/>
      <c r="H43" s="27"/>
    </row>
    <row r="44" spans="1:8" ht="14.4" customHeight="1" x14ac:dyDescent="0.75">
      <c r="A44" s="17"/>
      <c r="B44" s="18"/>
      <c r="C44" s="18"/>
      <c r="D44" s="18"/>
      <c r="E44" s="19"/>
      <c r="F44" s="24"/>
      <c r="G44" s="27"/>
      <c r="H44" s="27"/>
    </row>
    <row r="45" spans="1:8" ht="14.4" customHeight="1" x14ac:dyDescent="0.75">
      <c r="A45" s="17"/>
      <c r="B45" s="18"/>
      <c r="C45" s="18"/>
      <c r="D45" s="18"/>
      <c r="E45" s="19"/>
      <c r="F45" s="24"/>
      <c r="G45" s="27"/>
      <c r="H45" s="27"/>
    </row>
    <row r="46" spans="1:8" ht="14.4" customHeight="1" x14ac:dyDescent="0.75">
      <c r="A46" s="17"/>
      <c r="B46" s="18"/>
      <c r="C46" s="18"/>
      <c r="D46" s="18"/>
      <c r="E46" s="19"/>
      <c r="F46" s="24"/>
      <c r="G46" s="27"/>
      <c r="H46" s="27"/>
    </row>
    <row r="47" spans="1:8" ht="14.4" customHeight="1" x14ac:dyDescent="0.75">
      <c r="A47" s="17"/>
      <c r="B47" s="18"/>
      <c r="C47" s="18"/>
      <c r="D47" s="18"/>
      <c r="E47" s="19"/>
      <c r="F47" s="24"/>
      <c r="G47" s="27"/>
      <c r="H47" s="27"/>
    </row>
    <row r="48" spans="1:8" ht="14.4" customHeight="1" x14ac:dyDescent="0.75">
      <c r="A48" s="17"/>
      <c r="B48" s="18"/>
      <c r="C48" s="18"/>
      <c r="D48" s="18"/>
      <c r="E48" s="19"/>
      <c r="F48" s="24"/>
      <c r="G48" s="27"/>
      <c r="H48" s="27"/>
    </row>
    <row r="49" spans="1:8" ht="14.4" customHeight="1" x14ac:dyDescent="0.75">
      <c r="A49" s="17"/>
      <c r="B49" s="18"/>
      <c r="C49" s="18"/>
      <c r="D49" s="18"/>
      <c r="E49" s="19"/>
      <c r="F49" s="24"/>
      <c r="G49" s="27"/>
      <c r="H49" s="27"/>
    </row>
    <row r="50" spans="1:8" ht="14.4" customHeight="1" x14ac:dyDescent="0.75">
      <c r="A50" s="17"/>
      <c r="B50" s="17"/>
      <c r="C50" s="18"/>
      <c r="D50" s="18"/>
      <c r="E50" s="19"/>
      <c r="F50" s="24"/>
      <c r="G50" s="27"/>
      <c r="H50" s="27"/>
    </row>
    <row r="51" spans="1:8" ht="14.4" customHeight="1" x14ac:dyDescent="0.75">
      <c r="A51" s="17"/>
      <c r="B51" s="17"/>
      <c r="C51" s="18"/>
      <c r="D51" s="18"/>
      <c r="E51" s="19"/>
      <c r="F51" s="25"/>
      <c r="G51" s="27"/>
      <c r="H51" s="27"/>
    </row>
    <row r="52" spans="1:8" ht="14.4" customHeight="1" x14ac:dyDescent="0.75">
      <c r="A52" s="17"/>
      <c r="B52" s="17"/>
      <c r="C52" s="18"/>
      <c r="D52" s="18"/>
      <c r="E52" s="19"/>
      <c r="F52" s="25"/>
      <c r="G52" s="27"/>
      <c r="H52" s="27"/>
    </row>
    <row r="53" spans="1:8" ht="14.25" customHeight="1" x14ac:dyDescent="0.75"/>
    <row r="54" spans="1:8" ht="14.25" customHeight="1" x14ac:dyDescent="0.75"/>
    <row r="55" spans="1:8" ht="14.25" customHeight="1" x14ac:dyDescent="0.75"/>
    <row r="56" spans="1:8" ht="14.25" customHeight="1" x14ac:dyDescent="0.75"/>
    <row r="57" spans="1:8" ht="14.25" customHeight="1" x14ac:dyDescent="0.75"/>
    <row r="58" spans="1:8" ht="14.25" customHeight="1" x14ac:dyDescent="0.75"/>
    <row r="59" spans="1:8" ht="14.25" customHeight="1" x14ac:dyDescent="0.75"/>
    <row r="60" spans="1:8" ht="14.25" customHeight="1" x14ac:dyDescent="0.75"/>
    <row r="61" spans="1:8" ht="14.25" customHeight="1" x14ac:dyDescent="0.75"/>
    <row r="62" spans="1:8" ht="14.25" customHeight="1" x14ac:dyDescent="0.75"/>
    <row r="63" spans="1:8" ht="14.25" customHeight="1" x14ac:dyDescent="0.75"/>
    <row r="64" spans="1:8" ht="14.25" customHeight="1" x14ac:dyDescent="0.75"/>
    <row r="65" ht="14.25" customHeight="1" x14ac:dyDescent="0.75"/>
    <row r="66" ht="14.25" customHeight="1" x14ac:dyDescent="0.75"/>
    <row r="67" ht="14.25" customHeight="1" x14ac:dyDescent="0.75"/>
    <row r="68" ht="14.25" customHeight="1" x14ac:dyDescent="0.75"/>
    <row r="69" ht="14.25" customHeight="1" x14ac:dyDescent="0.75"/>
    <row r="70" ht="14.25" customHeight="1" x14ac:dyDescent="0.75"/>
    <row r="71" ht="14.25" customHeight="1" x14ac:dyDescent="0.75"/>
    <row r="72" ht="14.25" customHeight="1" x14ac:dyDescent="0.75"/>
    <row r="73" ht="14.25" customHeight="1" x14ac:dyDescent="0.75"/>
    <row r="74" ht="14.25" customHeight="1" x14ac:dyDescent="0.75"/>
    <row r="75" ht="14.25" customHeight="1" x14ac:dyDescent="0.75"/>
    <row r="76" ht="14.25" customHeight="1" x14ac:dyDescent="0.75"/>
    <row r="77" ht="14.25" customHeight="1" x14ac:dyDescent="0.75"/>
    <row r="78" ht="14.25" customHeight="1" x14ac:dyDescent="0.75"/>
    <row r="79" ht="14.25" customHeight="1" x14ac:dyDescent="0.75"/>
    <row r="80" ht="14.25" customHeight="1" x14ac:dyDescent="0.75"/>
    <row r="81" ht="14.25" customHeight="1" x14ac:dyDescent="0.75"/>
    <row r="82" ht="14.25" customHeight="1" x14ac:dyDescent="0.75"/>
    <row r="83" ht="14.25" customHeight="1" x14ac:dyDescent="0.75"/>
    <row r="84" ht="14.25" customHeight="1" x14ac:dyDescent="0.75"/>
    <row r="85" ht="14.25" customHeight="1" x14ac:dyDescent="0.75"/>
    <row r="86" ht="14.25" customHeight="1" x14ac:dyDescent="0.75"/>
    <row r="87" ht="14.25" customHeight="1" x14ac:dyDescent="0.75"/>
    <row r="88" ht="14.25" customHeight="1" x14ac:dyDescent="0.75"/>
    <row r="89" ht="14.25" customHeight="1" x14ac:dyDescent="0.75"/>
    <row r="90" ht="14.25" customHeight="1" x14ac:dyDescent="0.75"/>
    <row r="91" ht="14.25" customHeight="1" x14ac:dyDescent="0.75"/>
    <row r="92" ht="14.25" customHeight="1" x14ac:dyDescent="0.75"/>
    <row r="93" ht="14.25" customHeight="1" x14ac:dyDescent="0.75"/>
    <row r="94" ht="14.25" customHeight="1" x14ac:dyDescent="0.75"/>
    <row r="95" ht="14.25" customHeight="1" x14ac:dyDescent="0.75"/>
    <row r="96" ht="14.25" customHeight="1" x14ac:dyDescent="0.75"/>
    <row r="97" ht="14.25" customHeight="1" x14ac:dyDescent="0.75"/>
    <row r="98" ht="14.25" customHeight="1" x14ac:dyDescent="0.75"/>
    <row r="99" ht="14.25" customHeight="1" x14ac:dyDescent="0.75"/>
    <row r="100" ht="14.25" customHeight="1" x14ac:dyDescent="0.75"/>
    <row r="101" ht="14.25" customHeight="1" x14ac:dyDescent="0.75"/>
    <row r="102" ht="14.25" customHeight="1" x14ac:dyDescent="0.75"/>
    <row r="103" ht="14.25" customHeight="1" x14ac:dyDescent="0.75"/>
    <row r="104" ht="14.25" customHeight="1" x14ac:dyDescent="0.75"/>
    <row r="105" ht="14.25" customHeight="1" x14ac:dyDescent="0.75"/>
    <row r="106" ht="14.25" customHeight="1" x14ac:dyDescent="0.75"/>
    <row r="107" ht="14.25" customHeight="1" x14ac:dyDescent="0.75"/>
    <row r="108" ht="14.25" customHeight="1" x14ac:dyDescent="0.75"/>
    <row r="109" ht="14.25" customHeight="1" x14ac:dyDescent="0.75"/>
    <row r="110" ht="14.25" customHeight="1" x14ac:dyDescent="0.75"/>
    <row r="111" ht="14.25" customHeight="1" x14ac:dyDescent="0.75"/>
    <row r="112" ht="14.25" customHeight="1" x14ac:dyDescent="0.75"/>
    <row r="113" ht="14.25" customHeight="1" x14ac:dyDescent="0.75"/>
    <row r="114" ht="14.25" customHeight="1" x14ac:dyDescent="0.75"/>
    <row r="115" ht="14.25" customHeight="1" x14ac:dyDescent="0.75"/>
    <row r="116" ht="14.25" customHeight="1" x14ac:dyDescent="0.75"/>
    <row r="117" ht="14.25" customHeight="1" x14ac:dyDescent="0.75"/>
    <row r="118" ht="14.25" customHeight="1" x14ac:dyDescent="0.75"/>
    <row r="119" ht="14.25" customHeight="1" x14ac:dyDescent="0.75"/>
    <row r="120" ht="14.25" customHeight="1" x14ac:dyDescent="0.75"/>
    <row r="121" ht="14.25" customHeight="1" x14ac:dyDescent="0.75"/>
    <row r="122" ht="14.25" customHeight="1" x14ac:dyDescent="0.75"/>
    <row r="123" ht="14.25" customHeight="1" x14ac:dyDescent="0.75"/>
    <row r="124" ht="14.25" customHeight="1" x14ac:dyDescent="0.75"/>
    <row r="125" ht="14.25" customHeight="1" x14ac:dyDescent="0.75"/>
    <row r="126" ht="14.25" customHeight="1" x14ac:dyDescent="0.75"/>
    <row r="127" ht="14.25" customHeight="1" x14ac:dyDescent="0.75"/>
    <row r="128" ht="14.25" customHeight="1" x14ac:dyDescent="0.75"/>
    <row r="129" ht="14.25" customHeight="1" x14ac:dyDescent="0.75"/>
    <row r="130" ht="14.25" customHeight="1" x14ac:dyDescent="0.75"/>
    <row r="131" ht="14.25" customHeight="1" x14ac:dyDescent="0.75"/>
    <row r="132" ht="14.25" customHeight="1" x14ac:dyDescent="0.75"/>
    <row r="133" ht="14.25" customHeight="1" x14ac:dyDescent="0.75"/>
    <row r="134" ht="14.25" customHeight="1" x14ac:dyDescent="0.75"/>
    <row r="135" ht="14.25" customHeight="1" x14ac:dyDescent="0.75"/>
    <row r="136" ht="14.25" customHeight="1" x14ac:dyDescent="0.75"/>
    <row r="137" ht="14.25" customHeight="1" x14ac:dyDescent="0.75"/>
    <row r="138" ht="14.25" customHeight="1" x14ac:dyDescent="0.75"/>
    <row r="139" ht="14.25" customHeight="1" x14ac:dyDescent="0.75"/>
    <row r="140" ht="14.25" customHeight="1" x14ac:dyDescent="0.75"/>
    <row r="141" ht="14.25" customHeight="1" x14ac:dyDescent="0.75"/>
    <row r="142" ht="14.25" customHeight="1" x14ac:dyDescent="0.75"/>
    <row r="143" ht="14.25" customHeight="1" x14ac:dyDescent="0.75"/>
    <row r="144" ht="14.25" customHeight="1" x14ac:dyDescent="0.75"/>
    <row r="145" ht="14.25" customHeight="1" x14ac:dyDescent="0.75"/>
    <row r="146" ht="14.25" customHeight="1" x14ac:dyDescent="0.75"/>
    <row r="147" ht="14.25" customHeight="1" x14ac:dyDescent="0.75"/>
    <row r="148" ht="14.25" customHeight="1" x14ac:dyDescent="0.75"/>
    <row r="149" ht="14.25" customHeight="1" x14ac:dyDescent="0.75"/>
    <row r="150" ht="14.25" customHeight="1" x14ac:dyDescent="0.75"/>
    <row r="151" ht="14.25" customHeight="1" x14ac:dyDescent="0.75"/>
    <row r="152" ht="14.25" customHeight="1" x14ac:dyDescent="0.75"/>
    <row r="153" ht="14.25" customHeight="1" x14ac:dyDescent="0.75"/>
    <row r="154" ht="14.25" customHeight="1" x14ac:dyDescent="0.75"/>
    <row r="155" ht="14.25" customHeight="1" x14ac:dyDescent="0.75"/>
    <row r="156" ht="14.25" customHeight="1" x14ac:dyDescent="0.75"/>
    <row r="157" ht="14.25" customHeight="1" x14ac:dyDescent="0.75"/>
    <row r="158" ht="14.25" customHeight="1" x14ac:dyDescent="0.75"/>
    <row r="159" ht="14.25" customHeight="1" x14ac:dyDescent="0.75"/>
    <row r="160" ht="14.25" customHeight="1" x14ac:dyDescent="0.75"/>
    <row r="161" ht="14.25" customHeight="1" x14ac:dyDescent="0.75"/>
    <row r="162" ht="14.25" customHeight="1" x14ac:dyDescent="0.75"/>
    <row r="163" ht="14.25" customHeight="1" x14ac:dyDescent="0.75"/>
    <row r="164" ht="14.25" customHeight="1" x14ac:dyDescent="0.75"/>
    <row r="165" ht="14.25" customHeight="1" x14ac:dyDescent="0.75"/>
    <row r="166" ht="14.25" customHeight="1" x14ac:dyDescent="0.75"/>
    <row r="167" ht="14.25" customHeight="1" x14ac:dyDescent="0.75"/>
    <row r="168" ht="14.25" customHeight="1" x14ac:dyDescent="0.75"/>
    <row r="169" ht="14.25" customHeight="1" x14ac:dyDescent="0.75"/>
    <row r="170" ht="14.25" customHeight="1" x14ac:dyDescent="0.75"/>
    <row r="171" ht="14.25" customHeight="1" x14ac:dyDescent="0.75"/>
    <row r="172" ht="14.25" customHeight="1" x14ac:dyDescent="0.75"/>
    <row r="173" ht="14.25" customHeight="1" x14ac:dyDescent="0.75"/>
    <row r="174" ht="14.25" customHeight="1" x14ac:dyDescent="0.75"/>
    <row r="175" ht="14.25" customHeight="1" x14ac:dyDescent="0.75"/>
    <row r="176" ht="14.25" customHeight="1" x14ac:dyDescent="0.75"/>
    <row r="177" ht="14.25" customHeight="1" x14ac:dyDescent="0.75"/>
    <row r="178" ht="14.25" customHeight="1" x14ac:dyDescent="0.75"/>
    <row r="179" ht="14.25" customHeight="1" x14ac:dyDescent="0.75"/>
    <row r="180" ht="14.25" customHeight="1" x14ac:dyDescent="0.75"/>
    <row r="181" ht="14.25" customHeight="1" x14ac:dyDescent="0.75"/>
    <row r="182" ht="14.25" customHeight="1" x14ac:dyDescent="0.75"/>
    <row r="183" ht="14.25" customHeight="1" x14ac:dyDescent="0.75"/>
    <row r="184" ht="14.25" customHeight="1" x14ac:dyDescent="0.75"/>
    <row r="185" ht="14.25" customHeight="1" x14ac:dyDescent="0.75"/>
    <row r="186" ht="14.25" customHeight="1" x14ac:dyDescent="0.75"/>
    <row r="187" ht="14.25" customHeight="1" x14ac:dyDescent="0.75"/>
    <row r="188" ht="14.25" customHeight="1" x14ac:dyDescent="0.75"/>
    <row r="189" ht="14.25" customHeight="1" x14ac:dyDescent="0.75"/>
    <row r="190" ht="14.25" customHeight="1" x14ac:dyDescent="0.75"/>
    <row r="191" ht="14.25" customHeight="1" x14ac:dyDescent="0.75"/>
    <row r="192" ht="14.25" customHeight="1" x14ac:dyDescent="0.75"/>
    <row r="193" ht="14.25" customHeight="1" x14ac:dyDescent="0.75"/>
    <row r="194" ht="14.25" customHeight="1" x14ac:dyDescent="0.75"/>
    <row r="195" ht="14.25" customHeight="1" x14ac:dyDescent="0.75"/>
    <row r="196" ht="14.25" customHeight="1" x14ac:dyDescent="0.75"/>
    <row r="197" ht="14.25" customHeight="1" x14ac:dyDescent="0.75"/>
    <row r="198" ht="14.25" customHeight="1" x14ac:dyDescent="0.75"/>
    <row r="199" ht="14.25" customHeight="1" x14ac:dyDescent="0.75"/>
    <row r="200" ht="14.25" customHeight="1" x14ac:dyDescent="0.75"/>
    <row r="201" ht="14.25" customHeight="1" x14ac:dyDescent="0.75"/>
    <row r="202" ht="14.25" customHeight="1" x14ac:dyDescent="0.75"/>
    <row r="203" ht="14.25" customHeight="1" x14ac:dyDescent="0.75"/>
    <row r="204" ht="14.25" customHeight="1" x14ac:dyDescent="0.75"/>
    <row r="205" ht="14.25" customHeight="1" x14ac:dyDescent="0.75"/>
    <row r="206" ht="14.25" customHeight="1" x14ac:dyDescent="0.75"/>
    <row r="207" ht="14.25" customHeight="1" x14ac:dyDescent="0.75"/>
    <row r="208" ht="14.25" customHeight="1" x14ac:dyDescent="0.75"/>
    <row r="209" ht="14.25" customHeight="1" x14ac:dyDescent="0.75"/>
    <row r="210" ht="14.25" customHeight="1" x14ac:dyDescent="0.75"/>
    <row r="211" ht="14.25" customHeight="1" x14ac:dyDescent="0.75"/>
    <row r="212" ht="14.25" customHeight="1" x14ac:dyDescent="0.75"/>
    <row r="213" ht="14.25" customHeight="1" x14ac:dyDescent="0.75"/>
    <row r="214" ht="14.25" customHeight="1" x14ac:dyDescent="0.75"/>
    <row r="215" ht="14.25" customHeight="1" x14ac:dyDescent="0.75"/>
    <row r="216" ht="14.25" customHeight="1" x14ac:dyDescent="0.75"/>
    <row r="217" ht="14.25" customHeight="1" x14ac:dyDescent="0.75"/>
    <row r="218" ht="14.25" customHeight="1" x14ac:dyDescent="0.75"/>
    <row r="219" ht="14.25" customHeight="1" x14ac:dyDescent="0.75"/>
    <row r="220" ht="14.25" customHeight="1" x14ac:dyDescent="0.75"/>
    <row r="221" ht="14.25" customHeight="1" x14ac:dyDescent="0.75"/>
    <row r="222" ht="14.25" customHeight="1" x14ac:dyDescent="0.75"/>
    <row r="223" ht="14.25" customHeight="1" x14ac:dyDescent="0.75"/>
    <row r="224" ht="14.25" customHeight="1" x14ac:dyDescent="0.75"/>
    <row r="225" ht="14.25" customHeight="1" x14ac:dyDescent="0.75"/>
    <row r="226" ht="14.25" customHeight="1" x14ac:dyDescent="0.75"/>
    <row r="227" ht="14.25" customHeight="1" x14ac:dyDescent="0.75"/>
    <row r="228" ht="14.25" customHeight="1" x14ac:dyDescent="0.75"/>
    <row r="229" ht="14.25" customHeight="1" x14ac:dyDescent="0.75"/>
    <row r="230" ht="14.25" customHeight="1" x14ac:dyDescent="0.75"/>
    <row r="231" ht="14.25" customHeight="1" x14ac:dyDescent="0.75"/>
    <row r="232" ht="14.25" customHeight="1" x14ac:dyDescent="0.75"/>
    <row r="233" ht="14.25" customHeight="1" x14ac:dyDescent="0.75"/>
    <row r="234" ht="14.25" customHeight="1" x14ac:dyDescent="0.75"/>
    <row r="235" ht="14.25" customHeight="1" x14ac:dyDescent="0.75"/>
    <row r="236" ht="14.25" customHeight="1" x14ac:dyDescent="0.75"/>
    <row r="237" ht="14.25" customHeight="1" x14ac:dyDescent="0.75"/>
    <row r="238" ht="14.25" customHeight="1" x14ac:dyDescent="0.75"/>
    <row r="239" ht="14.25" customHeight="1" x14ac:dyDescent="0.75"/>
    <row r="240" ht="14.25" customHeight="1" x14ac:dyDescent="0.75"/>
    <row r="241" ht="14.25" customHeight="1" x14ac:dyDescent="0.75"/>
    <row r="242" ht="14.25" customHeight="1" x14ac:dyDescent="0.75"/>
    <row r="243" ht="14.25" customHeight="1" x14ac:dyDescent="0.75"/>
    <row r="244" ht="14.25" customHeight="1" x14ac:dyDescent="0.75"/>
    <row r="245" ht="14.25" customHeight="1" x14ac:dyDescent="0.75"/>
    <row r="246" ht="14.25" customHeight="1" x14ac:dyDescent="0.75"/>
    <row r="247" ht="14.25" customHeight="1" x14ac:dyDescent="0.75"/>
    <row r="248" ht="14.25" customHeight="1" x14ac:dyDescent="0.75"/>
    <row r="249" ht="14.25" customHeight="1" x14ac:dyDescent="0.75"/>
    <row r="250" ht="14.25" customHeight="1" x14ac:dyDescent="0.75"/>
    <row r="251" ht="14.25" customHeight="1" x14ac:dyDescent="0.75"/>
    <row r="252" ht="14.25" customHeight="1" x14ac:dyDescent="0.75"/>
    <row r="253" ht="14.25" customHeight="1" x14ac:dyDescent="0.75"/>
    <row r="254" ht="14.25" customHeight="1" x14ac:dyDescent="0.75"/>
    <row r="255" ht="14.25" customHeight="1" x14ac:dyDescent="0.75"/>
    <row r="256" ht="14.25" customHeight="1" x14ac:dyDescent="0.75"/>
    <row r="257" ht="14.25" customHeight="1" x14ac:dyDescent="0.75"/>
    <row r="258" ht="14.25" customHeight="1" x14ac:dyDescent="0.75"/>
    <row r="259" ht="14.25" customHeight="1" x14ac:dyDescent="0.75"/>
    <row r="260" ht="14.25" customHeight="1" x14ac:dyDescent="0.75"/>
    <row r="261" ht="14.25" customHeight="1" x14ac:dyDescent="0.75"/>
    <row r="262" ht="14.25" customHeight="1" x14ac:dyDescent="0.75"/>
    <row r="263" ht="14.25" customHeight="1" x14ac:dyDescent="0.75"/>
    <row r="264" ht="14.25" customHeight="1" x14ac:dyDescent="0.75"/>
    <row r="265" ht="14.25" customHeight="1" x14ac:dyDescent="0.75"/>
    <row r="266" ht="14.25" customHeight="1" x14ac:dyDescent="0.75"/>
    <row r="267" ht="14.25" customHeight="1" x14ac:dyDescent="0.75"/>
    <row r="268" ht="14.25" customHeight="1" x14ac:dyDescent="0.75"/>
    <row r="269" ht="14.25" customHeight="1" x14ac:dyDescent="0.75"/>
    <row r="270" ht="14.25" customHeight="1" x14ac:dyDescent="0.75"/>
    <row r="271" ht="14.25" customHeight="1" x14ac:dyDescent="0.75"/>
    <row r="272" ht="14.25" customHeight="1" x14ac:dyDescent="0.75"/>
    <row r="273" ht="14.25" customHeight="1" x14ac:dyDescent="0.75"/>
    <row r="274" ht="14.25" customHeight="1" x14ac:dyDescent="0.75"/>
    <row r="275" ht="14.25" customHeight="1" x14ac:dyDescent="0.75"/>
    <row r="276" ht="14.25" customHeight="1" x14ac:dyDescent="0.75"/>
    <row r="277" ht="14.25" customHeight="1" x14ac:dyDescent="0.75"/>
    <row r="278" ht="14.25" customHeight="1" x14ac:dyDescent="0.75"/>
    <row r="279" ht="14.25" customHeight="1" x14ac:dyDescent="0.75"/>
    <row r="280" ht="14.25" customHeight="1" x14ac:dyDescent="0.75"/>
    <row r="281" ht="14.25" customHeight="1" x14ac:dyDescent="0.75"/>
    <row r="282" ht="14.25" customHeight="1" x14ac:dyDescent="0.75"/>
    <row r="283" ht="14.25" customHeight="1" x14ac:dyDescent="0.75"/>
    <row r="284" ht="14.25" customHeight="1" x14ac:dyDescent="0.75"/>
    <row r="285" ht="14.25" customHeight="1" x14ac:dyDescent="0.75"/>
    <row r="286" ht="14.25" customHeight="1" x14ac:dyDescent="0.75"/>
    <row r="287" ht="14.25" customHeight="1" x14ac:dyDescent="0.75"/>
    <row r="288" ht="14.25" customHeight="1" x14ac:dyDescent="0.75"/>
    <row r="289" ht="14.25" customHeight="1" x14ac:dyDescent="0.75"/>
    <row r="290" ht="14.25" customHeight="1" x14ac:dyDescent="0.75"/>
    <row r="291" ht="14.25" customHeight="1" x14ac:dyDescent="0.75"/>
    <row r="292" ht="14.25" customHeight="1" x14ac:dyDescent="0.75"/>
    <row r="293" ht="14.25" customHeight="1" x14ac:dyDescent="0.75"/>
    <row r="294" ht="14.25" customHeight="1" x14ac:dyDescent="0.75"/>
    <row r="295" ht="14.25" customHeight="1" x14ac:dyDescent="0.75"/>
    <row r="296" ht="14.25" customHeight="1" x14ac:dyDescent="0.75"/>
    <row r="297" ht="14.25" customHeight="1" x14ac:dyDescent="0.75"/>
    <row r="298" ht="14.25" customHeight="1" x14ac:dyDescent="0.75"/>
    <row r="299" ht="14.25" customHeight="1" x14ac:dyDescent="0.75"/>
    <row r="300" ht="14.25" customHeight="1" x14ac:dyDescent="0.75"/>
    <row r="301" ht="14.25" customHeight="1" x14ac:dyDescent="0.75"/>
    <row r="302" ht="14.25" customHeight="1" x14ac:dyDescent="0.75"/>
    <row r="303" ht="14.25" customHeight="1" x14ac:dyDescent="0.75"/>
    <row r="304" ht="14.25" customHeight="1" x14ac:dyDescent="0.75"/>
    <row r="305" ht="14.25" customHeight="1" x14ac:dyDescent="0.75"/>
    <row r="306" ht="14.25" customHeight="1" x14ac:dyDescent="0.75"/>
    <row r="307" ht="14.25" customHeight="1" x14ac:dyDescent="0.75"/>
    <row r="308" ht="14.25" customHeight="1" x14ac:dyDescent="0.75"/>
    <row r="309" ht="14.25" customHeight="1" x14ac:dyDescent="0.75"/>
    <row r="310" ht="14.25" customHeight="1" x14ac:dyDescent="0.75"/>
    <row r="311" ht="14.25" customHeight="1" x14ac:dyDescent="0.75"/>
    <row r="312" ht="14.25" customHeight="1" x14ac:dyDescent="0.75"/>
    <row r="313" ht="14.25" customHeight="1" x14ac:dyDescent="0.75"/>
    <row r="314" ht="14.25" customHeight="1" x14ac:dyDescent="0.75"/>
    <row r="315" ht="14.25" customHeight="1" x14ac:dyDescent="0.75"/>
    <row r="316" ht="14.25" customHeight="1" x14ac:dyDescent="0.75"/>
    <row r="317" ht="14.25" customHeight="1" x14ac:dyDescent="0.75"/>
    <row r="318" ht="14.25" customHeight="1" x14ac:dyDescent="0.75"/>
    <row r="319" ht="14.25" customHeight="1" x14ac:dyDescent="0.75"/>
    <row r="320" ht="14.25" customHeight="1" x14ac:dyDescent="0.75"/>
    <row r="321" ht="14.25" customHeight="1" x14ac:dyDescent="0.75"/>
    <row r="322" ht="14.25" customHeight="1" x14ac:dyDescent="0.75"/>
    <row r="323" ht="14.25" customHeight="1" x14ac:dyDescent="0.75"/>
    <row r="324" ht="14.25" customHeight="1" x14ac:dyDescent="0.75"/>
    <row r="325" ht="14.25" customHeight="1" x14ac:dyDescent="0.75"/>
    <row r="326" ht="14.25" customHeight="1" x14ac:dyDescent="0.75"/>
    <row r="327" ht="14.25" customHeight="1" x14ac:dyDescent="0.75"/>
    <row r="328" ht="14.25" customHeight="1" x14ac:dyDescent="0.75"/>
    <row r="329" ht="14.25" customHeight="1" x14ac:dyDescent="0.75"/>
    <row r="330" ht="14.25" customHeight="1" x14ac:dyDescent="0.75"/>
    <row r="331" ht="14.25" customHeight="1" x14ac:dyDescent="0.75"/>
    <row r="332" ht="14.25" customHeight="1" x14ac:dyDescent="0.75"/>
    <row r="333" ht="14.25" customHeight="1" x14ac:dyDescent="0.75"/>
    <row r="334" ht="14.25" customHeight="1" x14ac:dyDescent="0.75"/>
    <row r="335" ht="14.25" customHeight="1" x14ac:dyDescent="0.75"/>
    <row r="336" ht="14.25" customHeight="1" x14ac:dyDescent="0.75"/>
    <row r="337" ht="14.25" customHeight="1" x14ac:dyDescent="0.75"/>
    <row r="338" ht="14.25" customHeight="1" x14ac:dyDescent="0.75"/>
    <row r="339" ht="14.25" customHeight="1" x14ac:dyDescent="0.75"/>
    <row r="340" ht="14.25" customHeight="1" x14ac:dyDescent="0.75"/>
    <row r="341" ht="14.25" customHeight="1" x14ac:dyDescent="0.75"/>
    <row r="342" ht="14.25" customHeight="1" x14ac:dyDescent="0.75"/>
    <row r="343" ht="14.25" customHeight="1" x14ac:dyDescent="0.75"/>
    <row r="344" ht="14.25" customHeight="1" x14ac:dyDescent="0.75"/>
    <row r="345" ht="14.25" customHeight="1" x14ac:dyDescent="0.75"/>
    <row r="346" ht="14.25" customHeight="1" x14ac:dyDescent="0.75"/>
    <row r="347" ht="14.25" customHeight="1" x14ac:dyDescent="0.75"/>
    <row r="348" ht="14.25" customHeight="1" x14ac:dyDescent="0.75"/>
    <row r="349" ht="14.25" customHeight="1" x14ac:dyDescent="0.75"/>
    <row r="350" ht="14.25" customHeight="1" x14ac:dyDescent="0.75"/>
    <row r="351" ht="14.25" customHeight="1" x14ac:dyDescent="0.75"/>
    <row r="352" ht="14.25" customHeight="1" x14ac:dyDescent="0.75"/>
    <row r="353" ht="14.25" customHeight="1" x14ac:dyDescent="0.75"/>
    <row r="354" ht="14.25" customHeight="1" x14ac:dyDescent="0.75"/>
    <row r="355" ht="14.25" customHeight="1" x14ac:dyDescent="0.75"/>
    <row r="356" ht="14.25" customHeight="1" x14ac:dyDescent="0.75"/>
    <row r="357" ht="14.25" customHeight="1" x14ac:dyDescent="0.75"/>
    <row r="358" ht="14.25" customHeight="1" x14ac:dyDescent="0.75"/>
    <row r="359" ht="14.25" customHeight="1" x14ac:dyDescent="0.75"/>
    <row r="360" ht="14.25" customHeight="1" x14ac:dyDescent="0.75"/>
    <row r="361" ht="14.25" customHeight="1" x14ac:dyDescent="0.75"/>
    <row r="362" ht="14.25" customHeight="1" x14ac:dyDescent="0.75"/>
    <row r="363" ht="14.25" customHeight="1" x14ac:dyDescent="0.75"/>
    <row r="364" ht="14.25" customHeight="1" x14ac:dyDescent="0.75"/>
    <row r="365" ht="14.25" customHeight="1" x14ac:dyDescent="0.75"/>
    <row r="366" ht="14.25" customHeight="1" x14ac:dyDescent="0.75"/>
    <row r="367" ht="14.25" customHeight="1" x14ac:dyDescent="0.75"/>
    <row r="368" ht="14.25" customHeight="1" x14ac:dyDescent="0.75"/>
    <row r="369" ht="14.25" customHeight="1" x14ac:dyDescent="0.75"/>
    <row r="370" ht="14.25" customHeight="1" x14ac:dyDescent="0.75"/>
    <row r="371" ht="14.25" customHeight="1" x14ac:dyDescent="0.75"/>
    <row r="372" ht="14.25" customHeight="1" x14ac:dyDescent="0.75"/>
    <row r="373" ht="14.25" customHeight="1" x14ac:dyDescent="0.75"/>
    <row r="374" ht="14.25" customHeight="1" x14ac:dyDescent="0.75"/>
    <row r="375" ht="14.25" customHeight="1" x14ac:dyDescent="0.75"/>
    <row r="376" ht="14.25" customHeight="1" x14ac:dyDescent="0.75"/>
    <row r="377" ht="14.25" customHeight="1" x14ac:dyDescent="0.75"/>
    <row r="378" ht="14.25" customHeight="1" x14ac:dyDescent="0.75"/>
    <row r="379" ht="14.25" customHeight="1" x14ac:dyDescent="0.75"/>
    <row r="380" ht="14.25" customHeight="1" x14ac:dyDescent="0.75"/>
    <row r="381" ht="14.25" customHeight="1" x14ac:dyDescent="0.75"/>
    <row r="382" ht="14.25" customHeight="1" x14ac:dyDescent="0.75"/>
    <row r="383" ht="14.25" customHeight="1" x14ac:dyDescent="0.75"/>
    <row r="384" ht="14.25" customHeight="1" x14ac:dyDescent="0.75"/>
    <row r="385" ht="14.25" customHeight="1" x14ac:dyDescent="0.75"/>
    <row r="386" ht="14.25" customHeight="1" x14ac:dyDescent="0.75"/>
    <row r="387" ht="14.25" customHeight="1" x14ac:dyDescent="0.75"/>
    <row r="388" ht="14.25" customHeight="1" x14ac:dyDescent="0.75"/>
    <row r="389" ht="14.25" customHeight="1" x14ac:dyDescent="0.75"/>
    <row r="390" ht="14.25" customHeight="1" x14ac:dyDescent="0.75"/>
    <row r="391" ht="14.25" customHeight="1" x14ac:dyDescent="0.75"/>
    <row r="392" ht="14.25" customHeight="1" x14ac:dyDescent="0.75"/>
    <row r="393" ht="14.25" customHeight="1" x14ac:dyDescent="0.75"/>
    <row r="394" ht="14.25" customHeight="1" x14ac:dyDescent="0.75"/>
    <row r="395" ht="14.25" customHeight="1" x14ac:dyDescent="0.75"/>
    <row r="396" ht="14.25" customHeight="1" x14ac:dyDescent="0.75"/>
    <row r="397" ht="14.25" customHeight="1" x14ac:dyDescent="0.75"/>
    <row r="398" ht="14.25" customHeight="1" x14ac:dyDescent="0.75"/>
    <row r="399" ht="14.25" customHeight="1" x14ac:dyDescent="0.75"/>
    <row r="400" ht="14.25" customHeight="1" x14ac:dyDescent="0.75"/>
    <row r="401" ht="14.25" customHeight="1" x14ac:dyDescent="0.75"/>
    <row r="402" ht="14.25" customHeight="1" x14ac:dyDescent="0.75"/>
    <row r="403" ht="14.25" customHeight="1" x14ac:dyDescent="0.75"/>
    <row r="404" ht="14.25" customHeight="1" x14ac:dyDescent="0.75"/>
    <row r="405" ht="14.25" customHeight="1" x14ac:dyDescent="0.75"/>
    <row r="406" ht="14.25" customHeight="1" x14ac:dyDescent="0.75"/>
    <row r="407" ht="14.25" customHeight="1" x14ac:dyDescent="0.75"/>
    <row r="408" ht="14.25" customHeight="1" x14ac:dyDescent="0.75"/>
    <row r="409" ht="14.25" customHeight="1" x14ac:dyDescent="0.75"/>
    <row r="410" ht="14.25" customHeight="1" x14ac:dyDescent="0.75"/>
    <row r="411" ht="14.25" customHeight="1" x14ac:dyDescent="0.75"/>
    <row r="412" ht="14.25" customHeight="1" x14ac:dyDescent="0.75"/>
    <row r="413" ht="14.25" customHeight="1" x14ac:dyDescent="0.75"/>
    <row r="414" ht="14.25" customHeight="1" x14ac:dyDescent="0.75"/>
    <row r="415" ht="14.25" customHeight="1" x14ac:dyDescent="0.75"/>
    <row r="416" ht="14.25" customHeight="1" x14ac:dyDescent="0.75"/>
    <row r="417" ht="14.25" customHeight="1" x14ac:dyDescent="0.75"/>
    <row r="418" ht="14.25" customHeight="1" x14ac:dyDescent="0.75"/>
    <row r="419" ht="14.25" customHeight="1" x14ac:dyDescent="0.75"/>
    <row r="420" ht="14.25" customHeight="1" x14ac:dyDescent="0.75"/>
    <row r="421" ht="14.25" customHeight="1" x14ac:dyDescent="0.75"/>
    <row r="422" ht="14.25" customHeight="1" x14ac:dyDescent="0.75"/>
    <row r="423" ht="14.25" customHeight="1" x14ac:dyDescent="0.75"/>
    <row r="424" ht="14.25" customHeight="1" x14ac:dyDescent="0.75"/>
    <row r="425" ht="14.25" customHeight="1" x14ac:dyDescent="0.75"/>
    <row r="426" ht="14.25" customHeight="1" x14ac:dyDescent="0.75"/>
    <row r="427" ht="14.25" customHeight="1" x14ac:dyDescent="0.75"/>
    <row r="428" ht="14.25" customHeight="1" x14ac:dyDescent="0.75"/>
    <row r="429" ht="14.25" customHeight="1" x14ac:dyDescent="0.75"/>
    <row r="430" ht="14.25" customHeight="1" x14ac:dyDescent="0.75"/>
    <row r="431" ht="14.25" customHeight="1" x14ac:dyDescent="0.75"/>
    <row r="432" ht="14.25" customHeight="1" x14ac:dyDescent="0.75"/>
    <row r="433" ht="14.25" customHeight="1" x14ac:dyDescent="0.75"/>
    <row r="434" ht="14.25" customHeight="1" x14ac:dyDescent="0.75"/>
    <row r="435" ht="14.25" customHeight="1" x14ac:dyDescent="0.75"/>
    <row r="436" ht="14.25" customHeight="1" x14ac:dyDescent="0.75"/>
    <row r="437" ht="14.25" customHeight="1" x14ac:dyDescent="0.75"/>
    <row r="438" ht="14.25" customHeight="1" x14ac:dyDescent="0.75"/>
    <row r="439" ht="14.25" customHeight="1" x14ac:dyDescent="0.75"/>
    <row r="440" ht="14.25" customHeight="1" x14ac:dyDescent="0.75"/>
    <row r="441" ht="14.25" customHeight="1" x14ac:dyDescent="0.75"/>
    <row r="442" ht="14.25" customHeight="1" x14ac:dyDescent="0.75"/>
    <row r="443" ht="14.25" customHeight="1" x14ac:dyDescent="0.75"/>
    <row r="444" ht="14.25" customHeight="1" x14ac:dyDescent="0.75"/>
    <row r="445" ht="14.25" customHeight="1" x14ac:dyDescent="0.75"/>
    <row r="446" ht="14.25" customHeight="1" x14ac:dyDescent="0.75"/>
    <row r="447" ht="14.25" customHeight="1" x14ac:dyDescent="0.75"/>
    <row r="448" ht="14.25" customHeight="1" x14ac:dyDescent="0.75"/>
    <row r="449" ht="14.25" customHeight="1" x14ac:dyDescent="0.75"/>
    <row r="450" ht="14.25" customHeight="1" x14ac:dyDescent="0.75"/>
    <row r="451" ht="14.25" customHeight="1" x14ac:dyDescent="0.75"/>
    <row r="452" ht="14.25" customHeight="1" x14ac:dyDescent="0.75"/>
    <row r="453" ht="14.25" customHeight="1" x14ac:dyDescent="0.75"/>
    <row r="454" ht="14.25" customHeight="1" x14ac:dyDescent="0.75"/>
    <row r="455" ht="14.25" customHeight="1" x14ac:dyDescent="0.75"/>
    <row r="456" ht="14.25" customHeight="1" x14ac:dyDescent="0.75"/>
    <row r="457" ht="14.25" customHeight="1" x14ac:dyDescent="0.75"/>
    <row r="458" ht="14.25" customHeight="1" x14ac:dyDescent="0.75"/>
    <row r="459" ht="14.25" customHeight="1" x14ac:dyDescent="0.75"/>
    <row r="460" ht="14.25" customHeight="1" x14ac:dyDescent="0.75"/>
    <row r="461" ht="14.25" customHeight="1" x14ac:dyDescent="0.75"/>
    <row r="462" ht="14.25" customHeight="1" x14ac:dyDescent="0.75"/>
    <row r="463" ht="14.25" customHeight="1" x14ac:dyDescent="0.75"/>
    <row r="464" ht="14.25" customHeight="1" x14ac:dyDescent="0.75"/>
    <row r="465" ht="14.25" customHeight="1" x14ac:dyDescent="0.75"/>
    <row r="466" ht="14.25" customHeight="1" x14ac:dyDescent="0.75"/>
    <row r="467" ht="14.25" customHeight="1" x14ac:dyDescent="0.75"/>
    <row r="468" ht="14.25" customHeight="1" x14ac:dyDescent="0.75"/>
    <row r="469" ht="14.25" customHeight="1" x14ac:dyDescent="0.75"/>
    <row r="470" ht="14.25" customHeight="1" x14ac:dyDescent="0.75"/>
    <row r="471" ht="14.25" customHeight="1" x14ac:dyDescent="0.75"/>
    <row r="472" ht="14.25" customHeight="1" x14ac:dyDescent="0.75"/>
    <row r="473" ht="14.25" customHeight="1" x14ac:dyDescent="0.75"/>
    <row r="474" ht="14.25" customHeight="1" x14ac:dyDescent="0.75"/>
    <row r="475" ht="14.25" customHeight="1" x14ac:dyDescent="0.75"/>
    <row r="476" ht="14.25" customHeight="1" x14ac:dyDescent="0.75"/>
    <row r="477" ht="14.25" customHeight="1" x14ac:dyDescent="0.75"/>
    <row r="478" ht="14.25" customHeight="1" x14ac:dyDescent="0.75"/>
    <row r="479" ht="14.25" customHeight="1" x14ac:dyDescent="0.75"/>
    <row r="480" ht="14.25" customHeight="1" x14ac:dyDescent="0.75"/>
    <row r="481" ht="14.25" customHeight="1" x14ac:dyDescent="0.75"/>
    <row r="482" ht="14.25" customHeight="1" x14ac:dyDescent="0.75"/>
    <row r="483" ht="14.25" customHeight="1" x14ac:dyDescent="0.75"/>
    <row r="484" ht="14.25" customHeight="1" x14ac:dyDescent="0.75"/>
    <row r="485" ht="14.25" customHeight="1" x14ac:dyDescent="0.75"/>
    <row r="486" ht="14.25" customHeight="1" x14ac:dyDescent="0.75"/>
    <row r="487" ht="14.25" customHeight="1" x14ac:dyDescent="0.75"/>
    <row r="488" ht="14.25" customHeight="1" x14ac:dyDescent="0.75"/>
    <row r="489" ht="14.25" customHeight="1" x14ac:dyDescent="0.75"/>
    <row r="490" ht="14.25" customHeight="1" x14ac:dyDescent="0.75"/>
    <row r="491" ht="14.25" customHeight="1" x14ac:dyDescent="0.75"/>
    <row r="492" ht="14.25" customHeight="1" x14ac:dyDescent="0.75"/>
    <row r="493" ht="14.25" customHeight="1" x14ac:dyDescent="0.75"/>
    <row r="494" ht="14.25" customHeight="1" x14ac:dyDescent="0.75"/>
    <row r="495" ht="14.25" customHeight="1" x14ac:dyDescent="0.75"/>
    <row r="496" ht="14.25" customHeight="1" x14ac:dyDescent="0.75"/>
    <row r="497" ht="14.25" customHeight="1" x14ac:dyDescent="0.75"/>
    <row r="498" ht="14.25" customHeight="1" x14ac:dyDescent="0.75"/>
    <row r="499" ht="14.25" customHeight="1" x14ac:dyDescent="0.75"/>
    <row r="500" ht="14.25" customHeight="1" x14ac:dyDescent="0.75"/>
    <row r="501" ht="14.25" customHeight="1" x14ac:dyDescent="0.75"/>
    <row r="502" ht="14.25" customHeight="1" x14ac:dyDescent="0.75"/>
    <row r="503" ht="14.25" customHeight="1" x14ac:dyDescent="0.75"/>
    <row r="504" ht="14.25" customHeight="1" x14ac:dyDescent="0.75"/>
    <row r="505" ht="14.25" customHeight="1" x14ac:dyDescent="0.75"/>
    <row r="506" ht="14.25" customHeight="1" x14ac:dyDescent="0.75"/>
    <row r="507" ht="14.25" customHeight="1" x14ac:dyDescent="0.75"/>
    <row r="508" ht="14.25" customHeight="1" x14ac:dyDescent="0.75"/>
    <row r="509" ht="14.25" customHeight="1" x14ac:dyDescent="0.75"/>
    <row r="510" ht="14.25" customHeight="1" x14ac:dyDescent="0.75"/>
    <row r="511" ht="14.25" customHeight="1" x14ac:dyDescent="0.75"/>
    <row r="512" ht="14.25" customHeight="1" x14ac:dyDescent="0.75"/>
    <row r="513" ht="14.25" customHeight="1" x14ac:dyDescent="0.75"/>
    <row r="514" ht="14.25" customHeight="1" x14ac:dyDescent="0.75"/>
    <row r="515" ht="14.25" customHeight="1" x14ac:dyDescent="0.75"/>
    <row r="516" ht="14.25" customHeight="1" x14ac:dyDescent="0.75"/>
    <row r="517" ht="14.25" customHeight="1" x14ac:dyDescent="0.75"/>
    <row r="518" ht="14.25" customHeight="1" x14ac:dyDescent="0.75"/>
    <row r="519" ht="14.25" customHeight="1" x14ac:dyDescent="0.75"/>
    <row r="520" ht="14.25" customHeight="1" x14ac:dyDescent="0.75"/>
    <row r="521" ht="14.25" customHeight="1" x14ac:dyDescent="0.75"/>
    <row r="522" ht="14.25" customHeight="1" x14ac:dyDescent="0.75"/>
    <row r="523" ht="14.25" customHeight="1" x14ac:dyDescent="0.75"/>
    <row r="524" ht="14.25" customHeight="1" x14ac:dyDescent="0.75"/>
    <row r="525" ht="14.25" customHeight="1" x14ac:dyDescent="0.75"/>
    <row r="526" ht="14.25" customHeight="1" x14ac:dyDescent="0.75"/>
    <row r="527" ht="14.25" customHeight="1" x14ac:dyDescent="0.75"/>
    <row r="528" ht="14.25" customHeight="1" x14ac:dyDescent="0.75"/>
    <row r="529" ht="14.25" customHeight="1" x14ac:dyDescent="0.75"/>
    <row r="530" ht="14.25" customHeight="1" x14ac:dyDescent="0.75"/>
    <row r="531" ht="14.25" customHeight="1" x14ac:dyDescent="0.75"/>
    <row r="532" ht="14.25" customHeight="1" x14ac:dyDescent="0.75"/>
    <row r="533" ht="14.25" customHeight="1" x14ac:dyDescent="0.75"/>
    <row r="534" ht="14.25" customHeight="1" x14ac:dyDescent="0.75"/>
    <row r="535" ht="14.25" customHeight="1" x14ac:dyDescent="0.75"/>
    <row r="536" ht="14.25" customHeight="1" x14ac:dyDescent="0.75"/>
    <row r="537" ht="14.25" customHeight="1" x14ac:dyDescent="0.75"/>
    <row r="538" ht="14.25" customHeight="1" x14ac:dyDescent="0.75"/>
    <row r="539" ht="14.25" customHeight="1" x14ac:dyDescent="0.75"/>
    <row r="540" ht="14.25" customHeight="1" x14ac:dyDescent="0.75"/>
    <row r="541" ht="14.25" customHeight="1" x14ac:dyDescent="0.75"/>
    <row r="542" ht="14.25" customHeight="1" x14ac:dyDescent="0.75"/>
    <row r="543" ht="14.25" customHeight="1" x14ac:dyDescent="0.75"/>
    <row r="544" ht="14.25" customHeight="1" x14ac:dyDescent="0.75"/>
    <row r="545" ht="14.25" customHeight="1" x14ac:dyDescent="0.75"/>
    <row r="546" ht="14.25" customHeight="1" x14ac:dyDescent="0.75"/>
    <row r="547" ht="14.25" customHeight="1" x14ac:dyDescent="0.75"/>
    <row r="548" ht="14.25" customHeight="1" x14ac:dyDescent="0.75"/>
    <row r="549" ht="14.25" customHeight="1" x14ac:dyDescent="0.75"/>
    <row r="550" ht="14.25" customHeight="1" x14ac:dyDescent="0.75"/>
    <row r="551" ht="14.25" customHeight="1" x14ac:dyDescent="0.75"/>
    <row r="552" ht="14.25" customHeight="1" x14ac:dyDescent="0.75"/>
    <row r="553" ht="14.25" customHeight="1" x14ac:dyDescent="0.75"/>
    <row r="554" ht="14.25" customHeight="1" x14ac:dyDescent="0.75"/>
    <row r="555" ht="14.25" customHeight="1" x14ac:dyDescent="0.75"/>
    <row r="556" ht="14.25" customHeight="1" x14ac:dyDescent="0.75"/>
    <row r="557" ht="14.25" customHeight="1" x14ac:dyDescent="0.75"/>
    <row r="558" ht="14.25" customHeight="1" x14ac:dyDescent="0.75"/>
    <row r="559" ht="14.25" customHeight="1" x14ac:dyDescent="0.75"/>
    <row r="560" ht="14.25" customHeight="1" x14ac:dyDescent="0.75"/>
    <row r="561" ht="14.25" customHeight="1" x14ac:dyDescent="0.75"/>
    <row r="562" ht="14.25" customHeight="1" x14ac:dyDescent="0.75"/>
    <row r="563" ht="14.25" customHeight="1" x14ac:dyDescent="0.75"/>
    <row r="564" ht="14.25" customHeight="1" x14ac:dyDescent="0.75"/>
    <row r="565" ht="14.25" customHeight="1" x14ac:dyDescent="0.75"/>
    <row r="566" ht="14.25" customHeight="1" x14ac:dyDescent="0.75"/>
    <row r="567" ht="14.25" customHeight="1" x14ac:dyDescent="0.75"/>
    <row r="568" ht="14.25" customHeight="1" x14ac:dyDescent="0.75"/>
    <row r="569" ht="14.25" customHeight="1" x14ac:dyDescent="0.75"/>
    <row r="570" ht="14.25" customHeight="1" x14ac:dyDescent="0.75"/>
    <row r="571" ht="14.25" customHeight="1" x14ac:dyDescent="0.75"/>
    <row r="572" ht="14.25" customHeight="1" x14ac:dyDescent="0.75"/>
    <row r="573" ht="14.25" customHeight="1" x14ac:dyDescent="0.75"/>
    <row r="574" ht="14.25" customHeight="1" x14ac:dyDescent="0.75"/>
    <row r="575" ht="14.25" customHeight="1" x14ac:dyDescent="0.75"/>
    <row r="576" ht="14.25" customHeight="1" x14ac:dyDescent="0.75"/>
    <row r="577" ht="14.25" customHeight="1" x14ac:dyDescent="0.75"/>
    <row r="578" ht="14.25" customHeight="1" x14ac:dyDescent="0.75"/>
    <row r="579" ht="14.25" customHeight="1" x14ac:dyDescent="0.75"/>
    <row r="580" ht="14.25" customHeight="1" x14ac:dyDescent="0.75"/>
    <row r="581" ht="14.25" customHeight="1" x14ac:dyDescent="0.75"/>
    <row r="582" ht="14.25" customHeight="1" x14ac:dyDescent="0.75"/>
    <row r="583" ht="14.25" customHeight="1" x14ac:dyDescent="0.75"/>
    <row r="584" ht="14.25" customHeight="1" x14ac:dyDescent="0.75"/>
    <row r="585" ht="14.25" customHeight="1" x14ac:dyDescent="0.75"/>
    <row r="586" ht="14.25" customHeight="1" x14ac:dyDescent="0.75"/>
    <row r="587" ht="14.25" customHeight="1" x14ac:dyDescent="0.75"/>
    <row r="588" ht="14.25" customHeight="1" x14ac:dyDescent="0.75"/>
    <row r="589" ht="14.25" customHeight="1" x14ac:dyDescent="0.75"/>
    <row r="590" ht="14.25" customHeight="1" x14ac:dyDescent="0.75"/>
    <row r="591" ht="14.25" customHeight="1" x14ac:dyDescent="0.75"/>
    <row r="592" ht="14.25" customHeight="1" x14ac:dyDescent="0.75"/>
    <row r="593" ht="14.25" customHeight="1" x14ac:dyDescent="0.75"/>
    <row r="594" ht="14.25" customHeight="1" x14ac:dyDescent="0.75"/>
    <row r="595" ht="14.25" customHeight="1" x14ac:dyDescent="0.75"/>
    <row r="596" ht="14.25" customHeight="1" x14ac:dyDescent="0.75"/>
    <row r="597" ht="14.25" customHeight="1" x14ac:dyDescent="0.75"/>
    <row r="598" ht="14.25" customHeight="1" x14ac:dyDescent="0.75"/>
    <row r="599" ht="14.25" customHeight="1" x14ac:dyDescent="0.75"/>
    <row r="600" ht="14.25" customHeight="1" x14ac:dyDescent="0.75"/>
    <row r="601" ht="14.25" customHeight="1" x14ac:dyDescent="0.75"/>
    <row r="602" ht="14.25" customHeight="1" x14ac:dyDescent="0.75"/>
    <row r="603" ht="14.25" customHeight="1" x14ac:dyDescent="0.75"/>
    <row r="604" ht="14.25" customHeight="1" x14ac:dyDescent="0.75"/>
    <row r="605" ht="14.25" customHeight="1" x14ac:dyDescent="0.75"/>
    <row r="606" ht="14.25" customHeight="1" x14ac:dyDescent="0.75"/>
    <row r="607" ht="14.25" customHeight="1" x14ac:dyDescent="0.75"/>
    <row r="608" ht="14.25" customHeight="1" x14ac:dyDescent="0.75"/>
    <row r="609" ht="14.25" customHeight="1" x14ac:dyDescent="0.75"/>
    <row r="610" ht="14.25" customHeight="1" x14ac:dyDescent="0.75"/>
    <row r="611" ht="14.25" customHeight="1" x14ac:dyDescent="0.75"/>
    <row r="612" ht="14.25" customHeight="1" x14ac:dyDescent="0.75"/>
    <row r="613" ht="14.25" customHeight="1" x14ac:dyDescent="0.75"/>
    <row r="614" ht="14.25" customHeight="1" x14ac:dyDescent="0.75"/>
    <row r="615" ht="14.25" customHeight="1" x14ac:dyDescent="0.75"/>
    <row r="616" ht="14.25" customHeight="1" x14ac:dyDescent="0.75"/>
    <row r="617" ht="14.25" customHeight="1" x14ac:dyDescent="0.75"/>
    <row r="618" ht="14.25" customHeight="1" x14ac:dyDescent="0.75"/>
    <row r="619" ht="14.25" customHeight="1" x14ac:dyDescent="0.75"/>
    <row r="620" ht="14.25" customHeight="1" x14ac:dyDescent="0.75"/>
    <row r="621" ht="14.25" customHeight="1" x14ac:dyDescent="0.75"/>
    <row r="622" ht="14.25" customHeight="1" x14ac:dyDescent="0.75"/>
    <row r="623" ht="14.25" customHeight="1" x14ac:dyDescent="0.75"/>
    <row r="624" ht="14.25" customHeight="1" x14ac:dyDescent="0.75"/>
    <row r="625" ht="14.25" customHeight="1" x14ac:dyDescent="0.75"/>
    <row r="626" ht="14.25" customHeight="1" x14ac:dyDescent="0.75"/>
    <row r="627" ht="14.25" customHeight="1" x14ac:dyDescent="0.75"/>
    <row r="628" ht="14.25" customHeight="1" x14ac:dyDescent="0.75"/>
    <row r="629" ht="14.25" customHeight="1" x14ac:dyDescent="0.75"/>
    <row r="630" ht="14.25" customHeight="1" x14ac:dyDescent="0.75"/>
    <row r="631" ht="14.25" customHeight="1" x14ac:dyDescent="0.75"/>
    <row r="632" ht="14.25" customHeight="1" x14ac:dyDescent="0.75"/>
    <row r="633" ht="14.25" customHeight="1" x14ac:dyDescent="0.75"/>
    <row r="634" ht="14.25" customHeight="1" x14ac:dyDescent="0.75"/>
    <row r="635" ht="14.25" customHeight="1" x14ac:dyDescent="0.75"/>
    <row r="636" ht="14.25" customHeight="1" x14ac:dyDescent="0.75"/>
    <row r="637" ht="14.25" customHeight="1" x14ac:dyDescent="0.75"/>
    <row r="638" ht="14.25" customHeight="1" x14ac:dyDescent="0.75"/>
    <row r="639" ht="14.25" customHeight="1" x14ac:dyDescent="0.75"/>
    <row r="640" ht="14.25" customHeight="1" x14ac:dyDescent="0.75"/>
    <row r="641" ht="14.25" customHeight="1" x14ac:dyDescent="0.75"/>
    <row r="642" ht="14.25" customHeight="1" x14ac:dyDescent="0.75"/>
    <row r="643" ht="14.25" customHeight="1" x14ac:dyDescent="0.75"/>
    <row r="644" ht="14.25" customHeight="1" x14ac:dyDescent="0.75"/>
    <row r="645" ht="14.25" customHeight="1" x14ac:dyDescent="0.75"/>
    <row r="646" ht="14.25" customHeight="1" x14ac:dyDescent="0.75"/>
    <row r="647" ht="14.25" customHeight="1" x14ac:dyDescent="0.75"/>
    <row r="648" ht="14.25" customHeight="1" x14ac:dyDescent="0.75"/>
    <row r="649" ht="14.25" customHeight="1" x14ac:dyDescent="0.75"/>
    <row r="650" ht="14.25" customHeight="1" x14ac:dyDescent="0.75"/>
    <row r="651" ht="14.25" customHeight="1" x14ac:dyDescent="0.75"/>
    <row r="652" ht="14.25" customHeight="1" x14ac:dyDescent="0.75"/>
    <row r="653" ht="14.25" customHeight="1" x14ac:dyDescent="0.75"/>
    <row r="654" ht="14.25" customHeight="1" x14ac:dyDescent="0.75"/>
    <row r="655" ht="14.25" customHeight="1" x14ac:dyDescent="0.75"/>
    <row r="656" ht="14.25" customHeight="1" x14ac:dyDescent="0.75"/>
    <row r="657" ht="14.25" customHeight="1" x14ac:dyDescent="0.75"/>
    <row r="658" ht="14.25" customHeight="1" x14ac:dyDescent="0.75"/>
    <row r="659" ht="14.25" customHeight="1" x14ac:dyDescent="0.75"/>
    <row r="660" ht="14.25" customHeight="1" x14ac:dyDescent="0.75"/>
    <row r="661" ht="14.25" customHeight="1" x14ac:dyDescent="0.75"/>
    <row r="662" ht="14.25" customHeight="1" x14ac:dyDescent="0.75"/>
    <row r="663" ht="14.25" customHeight="1" x14ac:dyDescent="0.75"/>
    <row r="664" ht="14.25" customHeight="1" x14ac:dyDescent="0.75"/>
    <row r="665" ht="14.25" customHeight="1" x14ac:dyDescent="0.75"/>
    <row r="666" ht="14.25" customHeight="1" x14ac:dyDescent="0.75"/>
    <row r="667" ht="14.25" customHeight="1" x14ac:dyDescent="0.75"/>
    <row r="668" ht="14.25" customHeight="1" x14ac:dyDescent="0.75"/>
    <row r="669" ht="14.25" customHeight="1" x14ac:dyDescent="0.75"/>
    <row r="670" ht="14.25" customHeight="1" x14ac:dyDescent="0.75"/>
    <row r="671" ht="14.25" customHeight="1" x14ac:dyDescent="0.75"/>
    <row r="672" ht="14.25" customHeight="1" x14ac:dyDescent="0.75"/>
    <row r="673" ht="14.25" customHeight="1" x14ac:dyDescent="0.75"/>
    <row r="674" ht="14.25" customHeight="1" x14ac:dyDescent="0.75"/>
    <row r="675" ht="14.25" customHeight="1" x14ac:dyDescent="0.75"/>
    <row r="676" ht="14.25" customHeight="1" x14ac:dyDescent="0.75"/>
    <row r="677" ht="14.25" customHeight="1" x14ac:dyDescent="0.75"/>
    <row r="678" ht="14.25" customHeight="1" x14ac:dyDescent="0.75"/>
    <row r="679" ht="14.25" customHeight="1" x14ac:dyDescent="0.75"/>
    <row r="680" ht="14.25" customHeight="1" x14ac:dyDescent="0.75"/>
    <row r="681" ht="14.25" customHeight="1" x14ac:dyDescent="0.75"/>
    <row r="682" ht="14.25" customHeight="1" x14ac:dyDescent="0.75"/>
    <row r="683" ht="14.25" customHeight="1" x14ac:dyDescent="0.75"/>
    <row r="684" ht="14.25" customHeight="1" x14ac:dyDescent="0.75"/>
    <row r="685" ht="14.25" customHeight="1" x14ac:dyDescent="0.75"/>
    <row r="686" ht="14.25" customHeight="1" x14ac:dyDescent="0.75"/>
    <row r="687" ht="14.25" customHeight="1" x14ac:dyDescent="0.75"/>
    <row r="688" ht="14.25" customHeight="1" x14ac:dyDescent="0.75"/>
    <row r="689" ht="14.25" customHeight="1" x14ac:dyDescent="0.75"/>
    <row r="690" ht="14.25" customHeight="1" x14ac:dyDescent="0.75"/>
    <row r="691" ht="14.25" customHeight="1" x14ac:dyDescent="0.75"/>
    <row r="692" ht="14.25" customHeight="1" x14ac:dyDescent="0.75"/>
    <row r="693" ht="14.25" customHeight="1" x14ac:dyDescent="0.75"/>
    <row r="694" ht="14.25" customHeight="1" x14ac:dyDescent="0.75"/>
    <row r="695" ht="14.25" customHeight="1" x14ac:dyDescent="0.75"/>
    <row r="696" ht="14.25" customHeight="1" x14ac:dyDescent="0.75"/>
    <row r="697" ht="14.25" customHeight="1" x14ac:dyDescent="0.75"/>
    <row r="698" ht="14.25" customHeight="1" x14ac:dyDescent="0.75"/>
    <row r="699" ht="14.25" customHeight="1" x14ac:dyDescent="0.75"/>
    <row r="700" ht="14.25" customHeight="1" x14ac:dyDescent="0.75"/>
    <row r="701" ht="14.25" customHeight="1" x14ac:dyDescent="0.75"/>
    <row r="702" ht="14.25" customHeight="1" x14ac:dyDescent="0.75"/>
    <row r="703" ht="14.25" customHeight="1" x14ac:dyDescent="0.75"/>
    <row r="704" ht="14.25" customHeight="1" x14ac:dyDescent="0.75"/>
    <row r="705" ht="14.25" customHeight="1" x14ac:dyDescent="0.75"/>
    <row r="706" ht="14.25" customHeight="1" x14ac:dyDescent="0.75"/>
    <row r="707" ht="14.25" customHeight="1" x14ac:dyDescent="0.75"/>
    <row r="708" ht="14.25" customHeight="1" x14ac:dyDescent="0.75"/>
    <row r="709" ht="14.25" customHeight="1" x14ac:dyDescent="0.75"/>
    <row r="710" ht="14.25" customHeight="1" x14ac:dyDescent="0.75"/>
    <row r="711" ht="14.25" customHeight="1" x14ac:dyDescent="0.75"/>
    <row r="712" ht="14.25" customHeight="1" x14ac:dyDescent="0.75"/>
    <row r="713" ht="14.25" customHeight="1" x14ac:dyDescent="0.75"/>
    <row r="714" ht="14.25" customHeight="1" x14ac:dyDescent="0.75"/>
    <row r="715" ht="14.25" customHeight="1" x14ac:dyDescent="0.75"/>
    <row r="716" ht="14.25" customHeight="1" x14ac:dyDescent="0.75"/>
    <row r="717" ht="14.25" customHeight="1" x14ac:dyDescent="0.75"/>
    <row r="718" ht="14.25" customHeight="1" x14ac:dyDescent="0.75"/>
    <row r="719" ht="14.25" customHeight="1" x14ac:dyDescent="0.75"/>
    <row r="720" ht="14.25" customHeight="1" x14ac:dyDescent="0.75"/>
    <row r="721" ht="14.25" customHeight="1" x14ac:dyDescent="0.75"/>
    <row r="722" ht="14.25" customHeight="1" x14ac:dyDescent="0.75"/>
    <row r="723" ht="14.25" customHeight="1" x14ac:dyDescent="0.75"/>
    <row r="724" ht="14.25" customHeight="1" x14ac:dyDescent="0.75"/>
    <row r="725" ht="14.25" customHeight="1" x14ac:dyDescent="0.75"/>
    <row r="726" ht="14.25" customHeight="1" x14ac:dyDescent="0.75"/>
    <row r="727" ht="14.25" customHeight="1" x14ac:dyDescent="0.75"/>
    <row r="728" ht="14.25" customHeight="1" x14ac:dyDescent="0.75"/>
    <row r="729" ht="14.25" customHeight="1" x14ac:dyDescent="0.75"/>
    <row r="730" ht="14.25" customHeight="1" x14ac:dyDescent="0.75"/>
    <row r="731" ht="14.25" customHeight="1" x14ac:dyDescent="0.75"/>
    <row r="732" ht="14.25" customHeight="1" x14ac:dyDescent="0.75"/>
    <row r="733" ht="14.25" customHeight="1" x14ac:dyDescent="0.75"/>
    <row r="734" ht="14.25" customHeight="1" x14ac:dyDescent="0.75"/>
    <row r="735" ht="14.25" customHeight="1" x14ac:dyDescent="0.75"/>
    <row r="736" ht="14.25" customHeight="1" x14ac:dyDescent="0.75"/>
    <row r="737" ht="14.25" customHeight="1" x14ac:dyDescent="0.75"/>
    <row r="738" ht="14.25" customHeight="1" x14ac:dyDescent="0.75"/>
    <row r="739" ht="14.25" customHeight="1" x14ac:dyDescent="0.75"/>
    <row r="740" ht="14.25" customHeight="1" x14ac:dyDescent="0.75"/>
    <row r="741" ht="14.25" customHeight="1" x14ac:dyDescent="0.75"/>
    <row r="742" ht="14.25" customHeight="1" x14ac:dyDescent="0.75"/>
    <row r="743" ht="14.25" customHeight="1" x14ac:dyDescent="0.75"/>
    <row r="744" ht="14.25" customHeight="1" x14ac:dyDescent="0.75"/>
    <row r="745" ht="14.25" customHeight="1" x14ac:dyDescent="0.75"/>
    <row r="746" ht="14.25" customHeight="1" x14ac:dyDescent="0.75"/>
    <row r="747" ht="14.25" customHeight="1" x14ac:dyDescent="0.75"/>
    <row r="748" ht="14.25" customHeight="1" x14ac:dyDescent="0.75"/>
    <row r="749" ht="14.25" customHeight="1" x14ac:dyDescent="0.75"/>
    <row r="750" ht="14.25" customHeight="1" x14ac:dyDescent="0.75"/>
    <row r="751" ht="14.25" customHeight="1" x14ac:dyDescent="0.75"/>
    <row r="752" ht="14.25" customHeight="1" x14ac:dyDescent="0.75"/>
    <row r="753" ht="14.25" customHeight="1" x14ac:dyDescent="0.75"/>
    <row r="754" ht="14.25" customHeight="1" x14ac:dyDescent="0.75"/>
    <row r="755" ht="14.25" customHeight="1" x14ac:dyDescent="0.75"/>
    <row r="756" ht="14.25" customHeight="1" x14ac:dyDescent="0.75"/>
    <row r="757" ht="14.25" customHeight="1" x14ac:dyDescent="0.75"/>
    <row r="758" ht="14.25" customHeight="1" x14ac:dyDescent="0.75"/>
    <row r="759" ht="14.25" customHeight="1" x14ac:dyDescent="0.75"/>
    <row r="760" ht="14.25" customHeight="1" x14ac:dyDescent="0.75"/>
    <row r="761" ht="14.25" customHeight="1" x14ac:dyDescent="0.75"/>
    <row r="762" ht="14.25" customHeight="1" x14ac:dyDescent="0.75"/>
    <row r="763" ht="14.25" customHeight="1" x14ac:dyDescent="0.75"/>
    <row r="764" ht="14.25" customHeight="1" x14ac:dyDescent="0.75"/>
    <row r="765" ht="14.25" customHeight="1" x14ac:dyDescent="0.75"/>
    <row r="766" ht="14.25" customHeight="1" x14ac:dyDescent="0.75"/>
    <row r="767" ht="14.25" customHeight="1" x14ac:dyDescent="0.75"/>
    <row r="768" ht="14.25" customHeight="1" x14ac:dyDescent="0.75"/>
    <row r="769" ht="14.25" customHeight="1" x14ac:dyDescent="0.75"/>
    <row r="770" ht="14.25" customHeight="1" x14ac:dyDescent="0.75"/>
    <row r="771" ht="14.25" customHeight="1" x14ac:dyDescent="0.75"/>
    <row r="772" ht="14.25" customHeight="1" x14ac:dyDescent="0.75"/>
    <row r="773" ht="14.25" customHeight="1" x14ac:dyDescent="0.75"/>
    <row r="774" ht="14.25" customHeight="1" x14ac:dyDescent="0.75"/>
    <row r="775" ht="14.25" customHeight="1" x14ac:dyDescent="0.75"/>
    <row r="776" ht="14.25" customHeight="1" x14ac:dyDescent="0.75"/>
    <row r="777" ht="14.25" customHeight="1" x14ac:dyDescent="0.75"/>
    <row r="778" ht="14.25" customHeight="1" x14ac:dyDescent="0.75"/>
    <row r="779" ht="14.25" customHeight="1" x14ac:dyDescent="0.75"/>
    <row r="780" ht="14.25" customHeight="1" x14ac:dyDescent="0.75"/>
    <row r="781" ht="14.25" customHeight="1" x14ac:dyDescent="0.75"/>
    <row r="782" ht="14.25" customHeight="1" x14ac:dyDescent="0.75"/>
    <row r="783" ht="14.25" customHeight="1" x14ac:dyDescent="0.75"/>
    <row r="784" ht="14.25" customHeight="1" x14ac:dyDescent="0.75"/>
    <row r="785" ht="14.25" customHeight="1" x14ac:dyDescent="0.75"/>
    <row r="786" ht="14.25" customHeight="1" x14ac:dyDescent="0.75"/>
    <row r="787" ht="14.25" customHeight="1" x14ac:dyDescent="0.75"/>
    <row r="788" ht="14.25" customHeight="1" x14ac:dyDescent="0.75"/>
    <row r="789" ht="14.25" customHeight="1" x14ac:dyDescent="0.75"/>
    <row r="790" ht="14.25" customHeight="1" x14ac:dyDescent="0.75"/>
    <row r="791" ht="14.25" customHeight="1" x14ac:dyDescent="0.75"/>
    <row r="792" ht="14.25" customHeight="1" x14ac:dyDescent="0.75"/>
    <row r="793" ht="14.25" customHeight="1" x14ac:dyDescent="0.75"/>
    <row r="794" ht="14.25" customHeight="1" x14ac:dyDescent="0.75"/>
    <row r="795" ht="14.25" customHeight="1" x14ac:dyDescent="0.75"/>
    <row r="796" ht="14.25" customHeight="1" x14ac:dyDescent="0.75"/>
    <row r="797" ht="14.25" customHeight="1" x14ac:dyDescent="0.75"/>
    <row r="798" ht="14.25" customHeight="1" x14ac:dyDescent="0.75"/>
    <row r="799" ht="14.25" customHeight="1" x14ac:dyDescent="0.75"/>
    <row r="800" ht="14.25" customHeight="1" x14ac:dyDescent="0.75"/>
    <row r="801" ht="14.25" customHeight="1" x14ac:dyDescent="0.75"/>
    <row r="802" ht="14.25" customHeight="1" x14ac:dyDescent="0.75"/>
    <row r="803" ht="14.25" customHeight="1" x14ac:dyDescent="0.75"/>
    <row r="804" ht="14.25" customHeight="1" x14ac:dyDescent="0.75"/>
    <row r="805" ht="14.25" customHeight="1" x14ac:dyDescent="0.75"/>
    <row r="806" ht="14.25" customHeight="1" x14ac:dyDescent="0.75"/>
    <row r="807" ht="14.25" customHeight="1" x14ac:dyDescent="0.75"/>
    <row r="808" ht="14.25" customHeight="1" x14ac:dyDescent="0.75"/>
    <row r="809" ht="14.25" customHeight="1" x14ac:dyDescent="0.75"/>
    <row r="810" ht="14.25" customHeight="1" x14ac:dyDescent="0.75"/>
    <row r="811" ht="14.25" customHeight="1" x14ac:dyDescent="0.75"/>
    <row r="812" ht="14.25" customHeight="1" x14ac:dyDescent="0.75"/>
    <row r="813" ht="14.25" customHeight="1" x14ac:dyDescent="0.75"/>
    <row r="814" ht="14.25" customHeight="1" x14ac:dyDescent="0.75"/>
    <row r="815" ht="14.25" customHeight="1" x14ac:dyDescent="0.75"/>
    <row r="816" ht="14.25" customHeight="1" x14ac:dyDescent="0.75"/>
    <row r="817" ht="14.25" customHeight="1" x14ac:dyDescent="0.75"/>
    <row r="818" ht="14.25" customHeight="1" x14ac:dyDescent="0.75"/>
    <row r="819" ht="14.25" customHeight="1" x14ac:dyDescent="0.75"/>
    <row r="820" ht="14.25" customHeight="1" x14ac:dyDescent="0.75"/>
    <row r="821" ht="14.25" customHeight="1" x14ac:dyDescent="0.75"/>
    <row r="822" ht="14.25" customHeight="1" x14ac:dyDescent="0.75"/>
    <row r="823" ht="14.25" customHeight="1" x14ac:dyDescent="0.75"/>
    <row r="824" ht="14.25" customHeight="1" x14ac:dyDescent="0.75"/>
    <row r="825" ht="14.25" customHeight="1" x14ac:dyDescent="0.75"/>
    <row r="826" ht="14.25" customHeight="1" x14ac:dyDescent="0.75"/>
    <row r="827" ht="14.25" customHeight="1" x14ac:dyDescent="0.75"/>
    <row r="828" ht="14.25" customHeight="1" x14ac:dyDescent="0.75"/>
    <row r="829" ht="14.25" customHeight="1" x14ac:dyDescent="0.75"/>
    <row r="830" ht="14.25" customHeight="1" x14ac:dyDescent="0.75"/>
    <row r="831" ht="14.25" customHeight="1" x14ac:dyDescent="0.75"/>
    <row r="832" ht="14.25" customHeight="1" x14ac:dyDescent="0.75"/>
    <row r="833" ht="14.25" customHeight="1" x14ac:dyDescent="0.75"/>
    <row r="834" ht="14.25" customHeight="1" x14ac:dyDescent="0.75"/>
    <row r="835" ht="14.25" customHeight="1" x14ac:dyDescent="0.75"/>
    <row r="836" ht="14.25" customHeight="1" x14ac:dyDescent="0.75"/>
    <row r="837" ht="14.25" customHeight="1" x14ac:dyDescent="0.75"/>
    <row r="838" ht="14.25" customHeight="1" x14ac:dyDescent="0.75"/>
    <row r="839" ht="14.25" customHeight="1" x14ac:dyDescent="0.75"/>
    <row r="840" ht="14.25" customHeight="1" x14ac:dyDescent="0.75"/>
    <row r="841" ht="14.25" customHeight="1" x14ac:dyDescent="0.75"/>
    <row r="842" ht="14.25" customHeight="1" x14ac:dyDescent="0.75"/>
    <row r="843" ht="14.25" customHeight="1" x14ac:dyDescent="0.75"/>
    <row r="844" ht="14.25" customHeight="1" x14ac:dyDescent="0.75"/>
    <row r="845" ht="14.25" customHeight="1" x14ac:dyDescent="0.75"/>
    <row r="846" ht="14.25" customHeight="1" x14ac:dyDescent="0.75"/>
    <row r="847" ht="14.25" customHeight="1" x14ac:dyDescent="0.75"/>
    <row r="848" ht="14.25" customHeight="1" x14ac:dyDescent="0.75"/>
    <row r="849" ht="14.25" customHeight="1" x14ac:dyDescent="0.75"/>
    <row r="850" ht="14.25" customHeight="1" x14ac:dyDescent="0.75"/>
    <row r="851" ht="14.25" customHeight="1" x14ac:dyDescent="0.75"/>
    <row r="852" ht="14.25" customHeight="1" x14ac:dyDescent="0.75"/>
    <row r="853" ht="14.25" customHeight="1" x14ac:dyDescent="0.75"/>
    <row r="854" ht="14.25" customHeight="1" x14ac:dyDescent="0.75"/>
    <row r="855" ht="14.25" customHeight="1" x14ac:dyDescent="0.75"/>
    <row r="856" ht="14.25" customHeight="1" x14ac:dyDescent="0.75"/>
    <row r="857" ht="14.25" customHeight="1" x14ac:dyDescent="0.75"/>
    <row r="858" ht="14.25" customHeight="1" x14ac:dyDescent="0.75"/>
    <row r="859" ht="14.25" customHeight="1" x14ac:dyDescent="0.75"/>
    <row r="860" ht="14.25" customHeight="1" x14ac:dyDescent="0.75"/>
    <row r="861" ht="14.25" customHeight="1" x14ac:dyDescent="0.75"/>
    <row r="862" ht="14.25" customHeight="1" x14ac:dyDescent="0.75"/>
    <row r="863" ht="14.25" customHeight="1" x14ac:dyDescent="0.75"/>
    <row r="864" ht="14.25" customHeight="1" x14ac:dyDescent="0.75"/>
    <row r="865" ht="14.25" customHeight="1" x14ac:dyDescent="0.75"/>
    <row r="866" ht="14.25" customHeight="1" x14ac:dyDescent="0.75"/>
    <row r="867" ht="14.25" customHeight="1" x14ac:dyDescent="0.75"/>
    <row r="868" ht="14.25" customHeight="1" x14ac:dyDescent="0.75"/>
    <row r="869" ht="14.25" customHeight="1" x14ac:dyDescent="0.75"/>
    <row r="870" ht="14.25" customHeight="1" x14ac:dyDescent="0.75"/>
    <row r="871" ht="14.25" customHeight="1" x14ac:dyDescent="0.75"/>
    <row r="872" ht="14.25" customHeight="1" x14ac:dyDescent="0.75"/>
    <row r="873" ht="14.25" customHeight="1" x14ac:dyDescent="0.75"/>
    <row r="874" ht="14.25" customHeight="1" x14ac:dyDescent="0.75"/>
    <row r="875" ht="14.25" customHeight="1" x14ac:dyDescent="0.75"/>
    <row r="876" ht="14.25" customHeight="1" x14ac:dyDescent="0.75"/>
    <row r="877" ht="14.25" customHeight="1" x14ac:dyDescent="0.75"/>
    <row r="878" ht="14.25" customHeight="1" x14ac:dyDescent="0.75"/>
    <row r="879" ht="14.25" customHeight="1" x14ac:dyDescent="0.75"/>
    <row r="880" ht="14.25" customHeight="1" x14ac:dyDescent="0.75"/>
    <row r="881" ht="14.25" customHeight="1" x14ac:dyDescent="0.75"/>
    <row r="882" ht="14.25" customHeight="1" x14ac:dyDescent="0.75"/>
    <row r="883" ht="14.25" customHeight="1" x14ac:dyDescent="0.75"/>
    <row r="884" ht="14.25" customHeight="1" x14ac:dyDescent="0.75"/>
    <row r="885" ht="14.25" customHeight="1" x14ac:dyDescent="0.75"/>
    <row r="886" ht="14.25" customHeight="1" x14ac:dyDescent="0.75"/>
    <row r="887" ht="14.25" customHeight="1" x14ac:dyDescent="0.75"/>
    <row r="888" ht="14.25" customHeight="1" x14ac:dyDescent="0.75"/>
    <row r="889" ht="14.25" customHeight="1" x14ac:dyDescent="0.75"/>
    <row r="890" ht="14.25" customHeight="1" x14ac:dyDescent="0.75"/>
    <row r="891" ht="14.25" customHeight="1" x14ac:dyDescent="0.75"/>
    <row r="892" ht="14.25" customHeight="1" x14ac:dyDescent="0.75"/>
    <row r="893" ht="14.25" customHeight="1" x14ac:dyDescent="0.75"/>
    <row r="894" ht="14.25" customHeight="1" x14ac:dyDescent="0.75"/>
    <row r="895" ht="14.25" customHeight="1" x14ac:dyDescent="0.75"/>
    <row r="896" ht="14.25" customHeight="1" x14ac:dyDescent="0.75"/>
    <row r="897" ht="14.25" customHeight="1" x14ac:dyDescent="0.75"/>
    <row r="898" ht="14.25" customHeight="1" x14ac:dyDescent="0.75"/>
    <row r="899" ht="14.25" customHeight="1" x14ac:dyDescent="0.75"/>
    <row r="900" ht="14.25" customHeight="1" x14ac:dyDescent="0.75"/>
    <row r="901" ht="14.25" customHeight="1" x14ac:dyDescent="0.75"/>
    <row r="902" ht="14.25" customHeight="1" x14ac:dyDescent="0.75"/>
    <row r="903" ht="14.25" customHeight="1" x14ac:dyDescent="0.75"/>
    <row r="904" ht="14.25" customHeight="1" x14ac:dyDescent="0.75"/>
    <row r="905" ht="14.25" customHeight="1" x14ac:dyDescent="0.75"/>
    <row r="906" ht="14.25" customHeight="1" x14ac:dyDescent="0.75"/>
    <row r="907" ht="14.25" customHeight="1" x14ac:dyDescent="0.75"/>
    <row r="908" ht="14.25" customHeight="1" x14ac:dyDescent="0.75"/>
    <row r="909" ht="14.25" customHeight="1" x14ac:dyDescent="0.75"/>
    <row r="910" ht="14.25" customHeight="1" x14ac:dyDescent="0.75"/>
    <row r="911" ht="14.25" customHeight="1" x14ac:dyDescent="0.75"/>
    <row r="912" ht="14.25" customHeight="1" x14ac:dyDescent="0.75"/>
    <row r="913" ht="14.25" customHeight="1" x14ac:dyDescent="0.75"/>
    <row r="914" ht="14.25" customHeight="1" x14ac:dyDescent="0.75"/>
    <row r="915" ht="14.25" customHeight="1" x14ac:dyDescent="0.75"/>
    <row r="916" ht="14.25" customHeight="1" x14ac:dyDescent="0.75"/>
    <row r="917" ht="14.25" customHeight="1" x14ac:dyDescent="0.75"/>
    <row r="918" ht="14.25" customHeight="1" x14ac:dyDescent="0.75"/>
    <row r="919" ht="14.25" customHeight="1" x14ac:dyDescent="0.75"/>
    <row r="920" ht="14.25" customHeight="1" x14ac:dyDescent="0.75"/>
    <row r="921" ht="14.25" customHeight="1" x14ac:dyDescent="0.75"/>
    <row r="922" ht="14.25" customHeight="1" x14ac:dyDescent="0.75"/>
    <row r="923" ht="14.25" customHeight="1" x14ac:dyDescent="0.75"/>
    <row r="924" ht="14.25" customHeight="1" x14ac:dyDescent="0.75"/>
    <row r="925" ht="14.25" customHeight="1" x14ac:dyDescent="0.75"/>
    <row r="926" ht="14.25" customHeight="1" x14ac:dyDescent="0.75"/>
    <row r="927" ht="14.25" customHeight="1" x14ac:dyDescent="0.75"/>
    <row r="928" ht="14.25" customHeight="1" x14ac:dyDescent="0.75"/>
    <row r="929" ht="14.25" customHeight="1" x14ac:dyDescent="0.75"/>
    <row r="930" ht="14.25" customHeight="1" x14ac:dyDescent="0.75"/>
    <row r="931" ht="14.25" customHeight="1" x14ac:dyDescent="0.75"/>
    <row r="932" ht="14.25" customHeight="1" x14ac:dyDescent="0.75"/>
    <row r="933" ht="14.25" customHeight="1" x14ac:dyDescent="0.75"/>
    <row r="934" ht="14.25" customHeight="1" x14ac:dyDescent="0.75"/>
    <row r="935" ht="14.25" customHeight="1" x14ac:dyDescent="0.75"/>
    <row r="936" ht="14.25" customHeight="1" x14ac:dyDescent="0.75"/>
    <row r="937" ht="14.25" customHeight="1" x14ac:dyDescent="0.75"/>
    <row r="938" ht="14.25" customHeight="1" x14ac:dyDescent="0.75"/>
    <row r="939" ht="14.25" customHeight="1" x14ac:dyDescent="0.75"/>
    <row r="940" ht="14.25" customHeight="1" x14ac:dyDescent="0.75"/>
    <row r="941" ht="14.25" customHeight="1" x14ac:dyDescent="0.75"/>
    <row r="942" ht="14.25" customHeight="1" x14ac:dyDescent="0.75"/>
    <row r="943" ht="14.25" customHeight="1" x14ac:dyDescent="0.75"/>
    <row r="944" ht="14.25" customHeight="1" x14ac:dyDescent="0.75"/>
    <row r="945" ht="14.25" customHeight="1" x14ac:dyDescent="0.75"/>
    <row r="946" ht="14.25" customHeight="1" x14ac:dyDescent="0.75"/>
    <row r="947" ht="14.25" customHeight="1" x14ac:dyDescent="0.75"/>
    <row r="948" ht="14.25" customHeight="1" x14ac:dyDescent="0.75"/>
    <row r="949" ht="14.25" customHeight="1" x14ac:dyDescent="0.75"/>
    <row r="950" ht="14.25" customHeight="1" x14ac:dyDescent="0.75"/>
    <row r="951" ht="14.25" customHeight="1" x14ac:dyDescent="0.75"/>
    <row r="952" ht="14.25" customHeight="1" x14ac:dyDescent="0.75"/>
    <row r="953" ht="14.25" customHeight="1" x14ac:dyDescent="0.75"/>
    <row r="954" ht="14.25" customHeight="1" x14ac:dyDescent="0.75"/>
    <row r="955" ht="14.25" customHeight="1" x14ac:dyDescent="0.75"/>
    <row r="956" ht="14.25" customHeight="1" x14ac:dyDescent="0.75"/>
    <row r="957" ht="14.25" customHeight="1" x14ac:dyDescent="0.75"/>
    <row r="958" ht="14.25" customHeight="1" x14ac:dyDescent="0.75"/>
    <row r="959" ht="14.25" customHeight="1" x14ac:dyDescent="0.75"/>
    <row r="960" ht="14.25" customHeight="1" x14ac:dyDescent="0.75"/>
    <row r="961" ht="14.25" customHeight="1" x14ac:dyDescent="0.75"/>
    <row r="962" ht="14.25" customHeight="1" x14ac:dyDescent="0.75"/>
    <row r="963" ht="14.25" customHeight="1" x14ac:dyDescent="0.75"/>
    <row r="964" ht="14.25" customHeight="1" x14ac:dyDescent="0.75"/>
    <row r="965" ht="14.25" customHeight="1" x14ac:dyDescent="0.75"/>
    <row r="966" ht="14.25" customHeight="1" x14ac:dyDescent="0.75"/>
    <row r="967" ht="14.25" customHeight="1" x14ac:dyDescent="0.75"/>
    <row r="968" ht="14.25" customHeight="1" x14ac:dyDescent="0.75"/>
    <row r="969" ht="14.25" customHeight="1" x14ac:dyDescent="0.75"/>
    <row r="970" ht="14.25" customHeight="1" x14ac:dyDescent="0.75"/>
    <row r="971" ht="14.25" customHeight="1" x14ac:dyDescent="0.75"/>
    <row r="972" ht="14.25" customHeight="1" x14ac:dyDescent="0.75"/>
    <row r="973" ht="14.25" customHeight="1" x14ac:dyDescent="0.75"/>
    <row r="974" ht="14.25" customHeight="1" x14ac:dyDescent="0.75"/>
    <row r="975" ht="14.25" customHeight="1" x14ac:dyDescent="0.75"/>
    <row r="976" ht="14.25" customHeight="1" x14ac:dyDescent="0.75"/>
    <row r="977" ht="14.25" customHeight="1" x14ac:dyDescent="0.75"/>
    <row r="978" ht="14.25" customHeight="1" x14ac:dyDescent="0.75"/>
    <row r="979" ht="14.25" customHeight="1" x14ac:dyDescent="0.75"/>
    <row r="980" ht="14.25" customHeight="1" x14ac:dyDescent="0.75"/>
    <row r="981" ht="14.25" customHeight="1" x14ac:dyDescent="0.75"/>
    <row r="982" ht="14.25" customHeight="1" x14ac:dyDescent="0.75"/>
    <row r="983" ht="14.25" customHeight="1" x14ac:dyDescent="0.75"/>
    <row r="984" ht="14.25" customHeight="1" x14ac:dyDescent="0.75"/>
    <row r="985" ht="14.25" customHeight="1" x14ac:dyDescent="0.75"/>
    <row r="986" ht="14.25" customHeight="1" x14ac:dyDescent="0.75"/>
    <row r="987" ht="14.25" customHeight="1" x14ac:dyDescent="0.75"/>
    <row r="988" ht="14.25" customHeight="1" x14ac:dyDescent="0.75"/>
    <row r="989" ht="14.25" customHeight="1" x14ac:dyDescent="0.75"/>
    <row r="990" ht="14.25" customHeight="1" x14ac:dyDescent="0.75"/>
    <row r="991" ht="14.25" customHeight="1" x14ac:dyDescent="0.75"/>
    <row r="992" ht="14.25" customHeight="1" x14ac:dyDescent="0.75"/>
    <row r="993" ht="14.25" customHeight="1" x14ac:dyDescent="0.75"/>
    <row r="994" ht="14.25" customHeight="1" x14ac:dyDescent="0.75"/>
    <row r="995" ht="14.25" customHeight="1" x14ac:dyDescent="0.75"/>
    <row r="996" ht="14.25" customHeight="1" x14ac:dyDescent="0.75"/>
    <row r="997" ht="14.25" customHeight="1" x14ac:dyDescent="0.75"/>
    <row r="998" ht="14.25" customHeight="1" x14ac:dyDescent="0.75"/>
    <row r="999" ht="14.25" customHeight="1" x14ac:dyDescent="0.75"/>
    <row r="1000" ht="14.25" customHeight="1" x14ac:dyDescent="0.75"/>
  </sheetData>
  <mergeCells count="3">
    <mergeCell ref="B3:C3"/>
    <mergeCell ref="B4:C4"/>
    <mergeCell ref="B5:C5"/>
  </mergeCells>
  <pageMargins left="0.25" right="0.25" top="0.75" bottom="0.75" header="0.3" footer="0.3"/>
  <pageSetup scale="95" fitToHeight="0" orientation="landscape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sheetPr>
    <tabColor rgb="FF92D050"/>
  </sheetPr>
  <dimension ref="A1:M1000"/>
  <sheetViews>
    <sheetView workbookViewId="0"/>
  </sheetViews>
  <sheetFormatPr defaultColWidth="14.40625" defaultRowHeight="15" customHeight="1" x14ac:dyDescent="0.75"/>
  <cols>
    <col min="1" max="1" width="6.7265625" customWidth="1"/>
    <col min="2" max="2" width="18.54296875" customWidth="1"/>
    <col min="3" max="3" width="16.7265625" customWidth="1"/>
    <col min="4" max="5" width="8.7265625" customWidth="1"/>
    <col min="6" max="7" width="12.7265625" customWidth="1"/>
    <col min="8" max="8" width="11.7265625" customWidth="1"/>
    <col min="9" max="9" width="20.40625" customWidth="1"/>
    <col min="10" max="10" width="13" customWidth="1"/>
    <col min="11" max="12" width="16.40625" customWidth="1"/>
    <col min="13" max="26" width="8.7265625" customWidth="1"/>
  </cols>
  <sheetData>
    <row r="1" spans="1:13" ht="14.25" customHeight="1" x14ac:dyDescent="0.75"/>
    <row r="2" spans="1:13" ht="14.25" customHeight="1" x14ac:dyDescent="0.75"/>
    <row r="3" spans="1:13" ht="14.25" customHeight="1" x14ac:dyDescent="0.75">
      <c r="B3" s="21" t="s">
        <v>0</v>
      </c>
      <c r="C3" s="20"/>
      <c r="D3" s="20"/>
      <c r="E3" s="20"/>
      <c r="F3" s="20"/>
      <c r="G3" s="20"/>
      <c r="H3" s="20"/>
      <c r="I3" s="20"/>
    </row>
    <row r="4" spans="1:13" ht="14.25" customHeight="1" x14ac:dyDescent="0.75">
      <c r="B4" s="21" t="s">
        <v>1</v>
      </c>
      <c r="C4" s="20"/>
      <c r="D4" s="20"/>
      <c r="E4" s="20"/>
      <c r="F4" s="20"/>
      <c r="G4" s="20"/>
      <c r="H4" s="20"/>
      <c r="I4" s="20"/>
    </row>
    <row r="5" spans="1:13" ht="14.25" customHeight="1" x14ac:dyDescent="0.75">
      <c r="B5" s="21" t="s">
        <v>2</v>
      </c>
      <c r="C5" s="20"/>
      <c r="D5" s="2" t="s">
        <v>3</v>
      </c>
      <c r="E5" s="21" t="s">
        <v>4</v>
      </c>
      <c r="F5" s="20"/>
      <c r="G5" s="1"/>
    </row>
    <row r="6" spans="1:13" ht="14.25" customHeight="1" x14ac:dyDescent="0.75">
      <c r="B6" s="21" t="s">
        <v>5</v>
      </c>
      <c r="C6" s="20"/>
      <c r="D6" s="20"/>
      <c r="E6" s="20"/>
      <c r="F6" s="20"/>
      <c r="G6" s="20"/>
      <c r="H6" s="20"/>
      <c r="I6" s="20"/>
    </row>
    <row r="7" spans="1:13" ht="14.25" customHeight="1" x14ac:dyDescent="0.75">
      <c r="B7" s="21" t="s">
        <v>6</v>
      </c>
      <c r="C7" s="20"/>
      <c r="D7" s="20"/>
      <c r="E7" s="20"/>
      <c r="F7" s="20"/>
      <c r="G7" s="20"/>
      <c r="H7" s="20"/>
      <c r="I7" s="20"/>
    </row>
    <row r="8" spans="1:13" ht="14.25" customHeight="1" x14ac:dyDescent="0.75">
      <c r="B8" s="1"/>
      <c r="C8" s="1"/>
      <c r="D8" s="1"/>
      <c r="E8" s="1"/>
      <c r="F8" s="1"/>
      <c r="G8" s="1"/>
      <c r="H8" s="1"/>
      <c r="I8" s="1"/>
    </row>
    <row r="9" spans="1:13" ht="14.25" customHeight="1" x14ac:dyDescent="0.75">
      <c r="B9" s="1" t="s">
        <v>7</v>
      </c>
      <c r="C9" s="1"/>
      <c r="D9" s="1"/>
      <c r="E9" s="1"/>
      <c r="F9" s="1"/>
      <c r="G9" s="1"/>
      <c r="H9" s="1"/>
      <c r="I9" s="1"/>
    </row>
    <row r="10" spans="1:13" ht="14.25" customHeight="1" x14ac:dyDescent="0.75">
      <c r="B10" s="1"/>
      <c r="C10" s="1"/>
      <c r="D10" s="1"/>
      <c r="E10" s="1"/>
      <c r="F10" s="1"/>
      <c r="G10" s="1"/>
      <c r="H10" s="1"/>
      <c r="I10" s="1"/>
    </row>
    <row r="11" spans="1:13" ht="14.25" customHeight="1" x14ac:dyDescent="0.75">
      <c r="B11" s="3" t="s">
        <v>22</v>
      </c>
      <c r="C11" s="1"/>
      <c r="D11" s="1"/>
      <c r="E11" s="1"/>
      <c r="F11" s="1"/>
      <c r="G11" s="1"/>
      <c r="H11" s="1"/>
      <c r="I11" s="1"/>
    </row>
    <row r="12" spans="1:13" ht="14.25" customHeight="1" x14ac:dyDescent="0.75"/>
    <row r="13" spans="1:13" ht="14.25" customHeight="1" x14ac:dyDescent="0.75">
      <c r="A13" s="7" t="s">
        <v>8</v>
      </c>
      <c r="B13" s="7" t="s">
        <v>9</v>
      </c>
      <c r="C13" s="7" t="s">
        <v>10</v>
      </c>
      <c r="D13" s="7" t="s">
        <v>11</v>
      </c>
      <c r="E13" s="7" t="s">
        <v>12</v>
      </c>
      <c r="F13" s="7" t="s">
        <v>13</v>
      </c>
      <c r="G13" s="7" t="s">
        <v>14</v>
      </c>
      <c r="H13" s="7" t="s">
        <v>15</v>
      </c>
      <c r="I13" s="7" t="s">
        <v>16</v>
      </c>
      <c r="J13" s="7" t="s">
        <v>17</v>
      </c>
      <c r="K13" s="7" t="s">
        <v>18</v>
      </c>
      <c r="L13" s="7" t="s">
        <v>23</v>
      </c>
      <c r="M13" s="7" t="s">
        <v>19</v>
      </c>
    </row>
    <row r="14" spans="1:13" ht="14.25" customHeight="1" x14ac:dyDescent="0.75">
      <c r="A14" s="2">
        <v>1</v>
      </c>
      <c r="B14" s="8">
        <v>9833</v>
      </c>
      <c r="C14" s="8">
        <v>840003235139833</v>
      </c>
      <c r="D14" s="9" t="s">
        <v>21</v>
      </c>
      <c r="E14" s="9" t="s">
        <v>24</v>
      </c>
      <c r="F14" s="2">
        <v>2020</v>
      </c>
      <c r="G14" s="2">
        <v>4</v>
      </c>
      <c r="H14" s="2" t="s">
        <v>25</v>
      </c>
      <c r="I14" s="2" t="s">
        <v>26</v>
      </c>
      <c r="J14" s="10"/>
      <c r="K14" s="10"/>
      <c r="L14" s="2">
        <v>0</v>
      </c>
      <c r="M14" s="9" t="s">
        <v>20</v>
      </c>
    </row>
    <row r="15" spans="1:13" ht="14.25" customHeight="1" x14ac:dyDescent="0.75">
      <c r="A15" s="2">
        <f t="shared" ref="A15:A24" si="0">A14+1</f>
        <v>2</v>
      </c>
      <c r="B15" s="8">
        <v>9834</v>
      </c>
      <c r="C15" s="8">
        <v>840003235139834</v>
      </c>
      <c r="D15" s="9" t="s">
        <v>21</v>
      </c>
      <c r="E15" s="9" t="s">
        <v>24</v>
      </c>
      <c r="F15" s="2">
        <v>2020</v>
      </c>
      <c r="G15" s="2">
        <v>4</v>
      </c>
      <c r="H15" s="2" t="s">
        <v>25</v>
      </c>
      <c r="I15" s="2" t="s">
        <v>26</v>
      </c>
      <c r="J15" s="10"/>
      <c r="K15" s="10"/>
      <c r="L15" s="2">
        <v>0</v>
      </c>
      <c r="M15" s="9" t="s">
        <v>20</v>
      </c>
    </row>
    <row r="16" spans="1:13" ht="14.25" customHeight="1" x14ac:dyDescent="0.75">
      <c r="A16" s="2">
        <f t="shared" si="0"/>
        <v>3</v>
      </c>
      <c r="B16" s="8">
        <v>9835</v>
      </c>
      <c r="C16" s="8">
        <f t="shared" ref="C16:C21" si="1">C15+1</f>
        <v>840003235139835</v>
      </c>
      <c r="D16" s="9" t="s">
        <v>21</v>
      </c>
      <c r="E16" s="9" t="s">
        <v>24</v>
      </c>
      <c r="F16" s="2">
        <v>2020</v>
      </c>
      <c r="G16" s="2">
        <v>4</v>
      </c>
      <c r="H16" s="2" t="s">
        <v>25</v>
      </c>
      <c r="I16" s="2" t="s">
        <v>26</v>
      </c>
      <c r="J16" s="10"/>
      <c r="K16" s="10"/>
      <c r="L16" s="2">
        <v>0</v>
      </c>
      <c r="M16" s="9" t="s">
        <v>20</v>
      </c>
    </row>
    <row r="17" spans="1:13" ht="14.25" customHeight="1" x14ac:dyDescent="0.75">
      <c r="A17" s="2">
        <f t="shared" si="0"/>
        <v>4</v>
      </c>
      <c r="B17" s="8">
        <v>9836</v>
      </c>
      <c r="C17" s="8">
        <f t="shared" si="1"/>
        <v>840003235139836</v>
      </c>
      <c r="D17" s="9" t="s">
        <v>21</v>
      </c>
      <c r="E17" s="9" t="s">
        <v>24</v>
      </c>
      <c r="F17" s="2">
        <v>2020</v>
      </c>
      <c r="G17" s="2">
        <v>4</v>
      </c>
      <c r="H17" s="2" t="s">
        <v>25</v>
      </c>
      <c r="I17" s="2" t="s">
        <v>26</v>
      </c>
      <c r="J17" s="10"/>
      <c r="K17" s="10"/>
      <c r="L17" s="2">
        <v>0</v>
      </c>
      <c r="M17" s="9" t="s">
        <v>20</v>
      </c>
    </row>
    <row r="18" spans="1:13" ht="14.25" customHeight="1" x14ac:dyDescent="0.75">
      <c r="A18" s="2">
        <f t="shared" si="0"/>
        <v>5</v>
      </c>
      <c r="B18" s="8">
        <v>9837</v>
      </c>
      <c r="C18" s="8">
        <f t="shared" si="1"/>
        <v>840003235139837</v>
      </c>
      <c r="D18" s="9" t="s">
        <v>21</v>
      </c>
      <c r="E18" s="9" t="s">
        <v>24</v>
      </c>
      <c r="F18" s="2">
        <v>2020</v>
      </c>
      <c r="G18" s="2">
        <v>4</v>
      </c>
      <c r="H18" s="2" t="s">
        <v>25</v>
      </c>
      <c r="I18" s="2" t="s">
        <v>26</v>
      </c>
      <c r="J18" s="10"/>
      <c r="K18" s="10"/>
      <c r="L18" s="2">
        <v>0</v>
      </c>
      <c r="M18" s="9" t="s">
        <v>20</v>
      </c>
    </row>
    <row r="19" spans="1:13" ht="14.25" customHeight="1" x14ac:dyDescent="0.75">
      <c r="A19" s="2">
        <f t="shared" si="0"/>
        <v>6</v>
      </c>
      <c r="B19" s="8">
        <v>9838</v>
      </c>
      <c r="C19" s="8">
        <f t="shared" si="1"/>
        <v>840003235139838</v>
      </c>
      <c r="D19" s="9" t="s">
        <v>21</v>
      </c>
      <c r="E19" s="9" t="s">
        <v>24</v>
      </c>
      <c r="F19" s="2">
        <v>2020</v>
      </c>
      <c r="G19" s="2">
        <v>4</v>
      </c>
      <c r="H19" s="2" t="s">
        <v>25</v>
      </c>
      <c r="I19" s="2" t="s">
        <v>26</v>
      </c>
      <c r="J19" s="10"/>
      <c r="K19" s="10"/>
      <c r="L19" s="2">
        <v>0</v>
      </c>
      <c r="M19" s="9" t="s">
        <v>20</v>
      </c>
    </row>
    <row r="20" spans="1:13" ht="14.25" customHeight="1" x14ac:dyDescent="0.75">
      <c r="A20" s="2">
        <f t="shared" si="0"/>
        <v>7</v>
      </c>
      <c r="B20" s="8">
        <v>9839</v>
      </c>
      <c r="C20" s="8">
        <f t="shared" si="1"/>
        <v>840003235139839</v>
      </c>
      <c r="D20" s="9" t="s">
        <v>21</v>
      </c>
      <c r="E20" s="9" t="s">
        <v>24</v>
      </c>
      <c r="F20" s="2">
        <v>2020</v>
      </c>
      <c r="G20" s="2">
        <v>4</v>
      </c>
      <c r="H20" s="2" t="s">
        <v>25</v>
      </c>
      <c r="I20" s="2" t="s">
        <v>26</v>
      </c>
      <c r="J20" s="10"/>
      <c r="K20" s="10"/>
      <c r="L20" s="2">
        <v>0</v>
      </c>
      <c r="M20" s="9" t="s">
        <v>20</v>
      </c>
    </row>
    <row r="21" spans="1:13" ht="14.25" customHeight="1" x14ac:dyDescent="0.75">
      <c r="A21" s="2">
        <f t="shared" si="0"/>
        <v>8</v>
      </c>
      <c r="B21" s="8">
        <v>9840</v>
      </c>
      <c r="C21" s="8">
        <f t="shared" si="1"/>
        <v>840003235139840</v>
      </c>
      <c r="D21" s="9" t="s">
        <v>21</v>
      </c>
      <c r="E21" s="9" t="s">
        <v>24</v>
      </c>
      <c r="F21" s="2">
        <v>2020</v>
      </c>
      <c r="G21" s="2">
        <v>4</v>
      </c>
      <c r="H21" s="2" t="s">
        <v>25</v>
      </c>
      <c r="I21" s="2" t="s">
        <v>26</v>
      </c>
      <c r="J21" s="10"/>
      <c r="K21" s="10"/>
      <c r="L21" s="2">
        <v>0</v>
      </c>
      <c r="M21" s="9" t="s">
        <v>20</v>
      </c>
    </row>
    <row r="22" spans="1:13" ht="14.25" customHeight="1" x14ac:dyDescent="0.75">
      <c r="A22" s="2">
        <f t="shared" si="0"/>
        <v>9</v>
      </c>
      <c r="B22" s="2">
        <v>840003235139841</v>
      </c>
      <c r="C22" s="2">
        <v>840003235139973</v>
      </c>
      <c r="D22" s="9" t="s">
        <v>21</v>
      </c>
      <c r="E22" s="9" t="s">
        <v>24</v>
      </c>
      <c r="F22" s="2">
        <v>2020</v>
      </c>
      <c r="G22" s="2">
        <v>4</v>
      </c>
      <c r="H22" s="2" t="s">
        <v>25</v>
      </c>
      <c r="I22" s="2" t="s">
        <v>26</v>
      </c>
      <c r="J22" s="10"/>
      <c r="K22" s="10"/>
      <c r="L22" s="2">
        <v>0</v>
      </c>
      <c r="M22" s="9" t="s">
        <v>20</v>
      </c>
    </row>
    <row r="23" spans="1:13" ht="14.25" customHeight="1" x14ac:dyDescent="0.75">
      <c r="A23" s="2">
        <f t="shared" si="0"/>
        <v>10</v>
      </c>
      <c r="B23" s="2">
        <v>9842</v>
      </c>
      <c r="C23" s="2">
        <v>840003235139842</v>
      </c>
      <c r="D23" s="9" t="s">
        <v>21</v>
      </c>
      <c r="E23" s="9" t="s">
        <v>24</v>
      </c>
      <c r="F23" s="2">
        <v>2020</v>
      </c>
      <c r="G23" s="2">
        <v>4</v>
      </c>
      <c r="H23" s="2" t="s">
        <v>25</v>
      </c>
      <c r="I23" s="2" t="s">
        <v>26</v>
      </c>
      <c r="J23" s="10"/>
      <c r="K23" s="10"/>
      <c r="L23" s="2">
        <v>0</v>
      </c>
      <c r="M23" s="9" t="s">
        <v>20</v>
      </c>
    </row>
    <row r="24" spans="1:13" ht="14.25" customHeight="1" x14ac:dyDescent="0.75">
      <c r="A24" s="2">
        <f t="shared" si="0"/>
        <v>11</v>
      </c>
      <c r="B24" s="2">
        <v>9843</v>
      </c>
      <c r="C24" s="2">
        <v>840003235139843</v>
      </c>
      <c r="D24" s="9" t="s">
        <v>21</v>
      </c>
      <c r="E24" s="9" t="s">
        <v>27</v>
      </c>
      <c r="F24" s="2">
        <v>2019</v>
      </c>
      <c r="G24" s="2">
        <v>5</v>
      </c>
      <c r="H24" s="2" t="s">
        <v>25</v>
      </c>
      <c r="I24" s="2" t="s">
        <v>26</v>
      </c>
      <c r="J24" s="10"/>
      <c r="K24" s="10"/>
      <c r="L24" s="2">
        <v>0</v>
      </c>
      <c r="M24" s="9" t="s">
        <v>20</v>
      </c>
    </row>
    <row r="25" spans="1:13" ht="14.25" customHeight="1" x14ac:dyDescent="0.75">
      <c r="B25" s="8"/>
      <c r="D25" s="9"/>
    </row>
    <row r="26" spans="1:13" ht="14.25" customHeight="1" x14ac:dyDescent="0.75">
      <c r="B26" s="8"/>
      <c r="D26" s="9"/>
    </row>
    <row r="27" spans="1:13" ht="14.25" customHeight="1" x14ac:dyDescent="0.75">
      <c r="B27" s="8"/>
      <c r="D27" s="9"/>
    </row>
    <row r="28" spans="1:13" ht="14.25" customHeight="1" x14ac:dyDescent="0.75">
      <c r="B28" s="8"/>
      <c r="D28" s="9"/>
    </row>
    <row r="29" spans="1:13" ht="14.25" customHeight="1" x14ac:dyDescent="0.75">
      <c r="B29" s="8"/>
      <c r="D29" s="9"/>
    </row>
    <row r="30" spans="1:13" ht="14.25" customHeight="1" x14ac:dyDescent="0.75">
      <c r="B30" s="8"/>
      <c r="D30" s="9"/>
    </row>
    <row r="31" spans="1:13" ht="14.25" customHeight="1" x14ac:dyDescent="0.75">
      <c r="B31" s="8"/>
      <c r="D31" s="9"/>
    </row>
    <row r="32" spans="1:13" ht="14.25" customHeight="1" x14ac:dyDescent="0.75">
      <c r="B32" s="8"/>
      <c r="D32" s="9"/>
    </row>
    <row r="33" spans="2:4" ht="14.25" customHeight="1" x14ac:dyDescent="0.75">
      <c r="B33" s="8"/>
      <c r="D33" s="9"/>
    </row>
    <row r="34" spans="2:4" ht="14.25" customHeight="1" x14ac:dyDescent="0.75">
      <c r="B34" s="8"/>
      <c r="D34" s="9"/>
    </row>
    <row r="35" spans="2:4" ht="14.25" customHeight="1" x14ac:dyDescent="0.75">
      <c r="B35" s="8"/>
      <c r="D35" s="9"/>
    </row>
    <row r="36" spans="2:4" ht="14.25" customHeight="1" x14ac:dyDescent="0.75">
      <c r="B36" s="8"/>
      <c r="D36" s="9"/>
    </row>
    <row r="37" spans="2:4" ht="14.25" customHeight="1" x14ac:dyDescent="0.75">
      <c r="B37" s="8"/>
      <c r="D37" s="9"/>
    </row>
    <row r="38" spans="2:4" ht="14.25" customHeight="1" x14ac:dyDescent="0.75">
      <c r="B38" s="8"/>
      <c r="D38" s="9"/>
    </row>
    <row r="39" spans="2:4" ht="14.25" customHeight="1" x14ac:dyDescent="0.75">
      <c r="B39" s="8"/>
    </row>
    <row r="40" spans="2:4" ht="14.25" customHeight="1" x14ac:dyDescent="0.75">
      <c r="B40" s="8"/>
    </row>
    <row r="41" spans="2:4" ht="14.25" customHeight="1" x14ac:dyDescent="0.75">
      <c r="B41" s="8"/>
    </row>
    <row r="42" spans="2:4" ht="14.25" customHeight="1" x14ac:dyDescent="0.75">
      <c r="B42" s="8"/>
    </row>
    <row r="43" spans="2:4" ht="14.25" customHeight="1" x14ac:dyDescent="0.75"/>
    <row r="44" spans="2:4" ht="14.25" customHeight="1" x14ac:dyDescent="0.75"/>
    <row r="45" spans="2:4" ht="14.25" customHeight="1" x14ac:dyDescent="0.75"/>
    <row r="46" spans="2:4" ht="14.25" customHeight="1" x14ac:dyDescent="0.75"/>
    <row r="47" spans="2:4" ht="14.25" customHeight="1" x14ac:dyDescent="0.75"/>
    <row r="48" spans="2:4" ht="14.25" customHeight="1" x14ac:dyDescent="0.75"/>
    <row r="49" ht="14.25" customHeight="1" x14ac:dyDescent="0.75"/>
    <row r="50" ht="14.25" customHeight="1" x14ac:dyDescent="0.75"/>
    <row r="51" ht="14.25" customHeight="1" x14ac:dyDescent="0.75"/>
    <row r="52" ht="14.25" customHeight="1" x14ac:dyDescent="0.75"/>
    <row r="53" ht="14.25" customHeight="1" x14ac:dyDescent="0.75"/>
    <row r="54" ht="14.25" customHeight="1" x14ac:dyDescent="0.75"/>
    <row r="55" ht="14.25" customHeight="1" x14ac:dyDescent="0.75"/>
    <row r="56" ht="14.25" customHeight="1" x14ac:dyDescent="0.75"/>
    <row r="57" ht="14.25" customHeight="1" x14ac:dyDescent="0.75"/>
    <row r="58" ht="14.25" customHeight="1" x14ac:dyDescent="0.75"/>
    <row r="59" ht="14.25" customHeight="1" x14ac:dyDescent="0.75"/>
    <row r="60" ht="14.25" customHeight="1" x14ac:dyDescent="0.75"/>
    <row r="61" ht="14.25" customHeight="1" x14ac:dyDescent="0.75"/>
    <row r="62" ht="14.25" customHeight="1" x14ac:dyDescent="0.75"/>
    <row r="63" ht="14.25" customHeight="1" x14ac:dyDescent="0.75"/>
    <row r="64" ht="14.25" customHeight="1" x14ac:dyDescent="0.75"/>
    <row r="65" ht="14.25" customHeight="1" x14ac:dyDescent="0.75"/>
    <row r="66" ht="14.25" customHeight="1" x14ac:dyDescent="0.75"/>
    <row r="67" ht="14.25" customHeight="1" x14ac:dyDescent="0.75"/>
    <row r="68" ht="14.25" customHeight="1" x14ac:dyDescent="0.75"/>
    <row r="69" ht="14.25" customHeight="1" x14ac:dyDescent="0.75"/>
    <row r="70" ht="14.25" customHeight="1" x14ac:dyDescent="0.75"/>
    <row r="71" ht="14.25" customHeight="1" x14ac:dyDescent="0.75"/>
    <row r="72" ht="14.25" customHeight="1" x14ac:dyDescent="0.75"/>
    <row r="73" ht="14.25" customHeight="1" x14ac:dyDescent="0.75"/>
    <row r="74" ht="14.25" customHeight="1" x14ac:dyDescent="0.75"/>
    <row r="75" ht="14.25" customHeight="1" x14ac:dyDescent="0.75"/>
    <row r="76" ht="14.25" customHeight="1" x14ac:dyDescent="0.75"/>
    <row r="77" ht="14.25" customHeight="1" x14ac:dyDescent="0.75"/>
    <row r="78" ht="14.25" customHeight="1" x14ac:dyDescent="0.75"/>
    <row r="79" ht="14.25" customHeight="1" x14ac:dyDescent="0.75"/>
    <row r="80" ht="14.25" customHeight="1" x14ac:dyDescent="0.75"/>
    <row r="81" ht="14.25" customHeight="1" x14ac:dyDescent="0.75"/>
    <row r="82" ht="14.25" customHeight="1" x14ac:dyDescent="0.75"/>
    <row r="83" ht="14.25" customHeight="1" x14ac:dyDescent="0.75"/>
    <row r="84" ht="14.25" customHeight="1" x14ac:dyDescent="0.75"/>
    <row r="85" ht="14.25" customHeight="1" x14ac:dyDescent="0.75"/>
    <row r="86" ht="14.25" customHeight="1" x14ac:dyDescent="0.75"/>
    <row r="87" ht="14.25" customHeight="1" x14ac:dyDescent="0.75"/>
    <row r="88" ht="14.25" customHeight="1" x14ac:dyDescent="0.75"/>
    <row r="89" ht="14.25" customHeight="1" x14ac:dyDescent="0.75"/>
    <row r="90" ht="14.25" customHeight="1" x14ac:dyDescent="0.75"/>
    <row r="91" ht="14.25" customHeight="1" x14ac:dyDescent="0.75"/>
    <row r="92" ht="14.25" customHeight="1" x14ac:dyDescent="0.75"/>
    <row r="93" ht="14.25" customHeight="1" x14ac:dyDescent="0.75"/>
    <row r="94" ht="14.25" customHeight="1" x14ac:dyDescent="0.75"/>
    <row r="95" ht="14.25" customHeight="1" x14ac:dyDescent="0.75"/>
    <row r="96" ht="14.25" customHeight="1" x14ac:dyDescent="0.75"/>
    <row r="97" ht="14.25" customHeight="1" x14ac:dyDescent="0.75"/>
    <row r="98" ht="14.25" customHeight="1" x14ac:dyDescent="0.75"/>
    <row r="99" ht="14.25" customHeight="1" x14ac:dyDescent="0.75"/>
    <row r="100" ht="14.25" customHeight="1" x14ac:dyDescent="0.75"/>
    <row r="101" ht="14.25" customHeight="1" x14ac:dyDescent="0.75"/>
    <row r="102" ht="14.25" customHeight="1" x14ac:dyDescent="0.75"/>
    <row r="103" ht="14.25" customHeight="1" x14ac:dyDescent="0.75"/>
    <row r="104" ht="14.25" customHeight="1" x14ac:dyDescent="0.75"/>
    <row r="105" ht="14.25" customHeight="1" x14ac:dyDescent="0.75"/>
    <row r="106" ht="14.25" customHeight="1" x14ac:dyDescent="0.75"/>
    <row r="107" ht="14.25" customHeight="1" x14ac:dyDescent="0.75"/>
    <row r="108" ht="14.25" customHeight="1" x14ac:dyDescent="0.75"/>
    <row r="109" ht="14.25" customHeight="1" x14ac:dyDescent="0.75"/>
    <row r="110" ht="14.25" customHeight="1" x14ac:dyDescent="0.75"/>
    <row r="111" ht="14.25" customHeight="1" x14ac:dyDescent="0.75"/>
    <row r="112" ht="14.25" customHeight="1" x14ac:dyDescent="0.75"/>
    <row r="113" ht="14.25" customHeight="1" x14ac:dyDescent="0.75"/>
    <row r="114" ht="14.25" customHeight="1" x14ac:dyDescent="0.75"/>
    <row r="115" ht="14.25" customHeight="1" x14ac:dyDescent="0.75"/>
    <row r="116" ht="14.25" customHeight="1" x14ac:dyDescent="0.75"/>
    <row r="117" ht="14.25" customHeight="1" x14ac:dyDescent="0.75"/>
    <row r="118" ht="14.25" customHeight="1" x14ac:dyDescent="0.75"/>
    <row r="119" ht="14.25" customHeight="1" x14ac:dyDescent="0.75"/>
    <row r="120" ht="14.25" customHeight="1" x14ac:dyDescent="0.75"/>
    <row r="121" ht="14.25" customHeight="1" x14ac:dyDescent="0.75"/>
    <row r="122" ht="14.25" customHeight="1" x14ac:dyDescent="0.75"/>
    <row r="123" ht="14.25" customHeight="1" x14ac:dyDescent="0.75"/>
    <row r="124" ht="14.25" customHeight="1" x14ac:dyDescent="0.75"/>
    <row r="125" ht="14.25" customHeight="1" x14ac:dyDescent="0.75"/>
    <row r="126" ht="14.25" customHeight="1" x14ac:dyDescent="0.75"/>
    <row r="127" ht="14.25" customHeight="1" x14ac:dyDescent="0.75"/>
    <row r="128" ht="14.25" customHeight="1" x14ac:dyDescent="0.75"/>
    <row r="129" ht="14.25" customHeight="1" x14ac:dyDescent="0.75"/>
    <row r="130" ht="14.25" customHeight="1" x14ac:dyDescent="0.75"/>
    <row r="131" ht="14.25" customHeight="1" x14ac:dyDescent="0.75"/>
    <row r="132" ht="14.25" customHeight="1" x14ac:dyDescent="0.75"/>
    <row r="133" ht="14.25" customHeight="1" x14ac:dyDescent="0.75"/>
    <row r="134" ht="14.25" customHeight="1" x14ac:dyDescent="0.75"/>
    <row r="135" ht="14.25" customHeight="1" x14ac:dyDescent="0.75"/>
    <row r="136" ht="14.25" customHeight="1" x14ac:dyDescent="0.75"/>
    <row r="137" ht="14.25" customHeight="1" x14ac:dyDescent="0.75"/>
    <row r="138" ht="14.25" customHeight="1" x14ac:dyDescent="0.75"/>
    <row r="139" ht="14.25" customHeight="1" x14ac:dyDescent="0.75"/>
    <row r="140" ht="14.25" customHeight="1" x14ac:dyDescent="0.75"/>
    <row r="141" ht="14.25" customHeight="1" x14ac:dyDescent="0.75"/>
    <row r="142" ht="14.25" customHeight="1" x14ac:dyDescent="0.75"/>
    <row r="143" ht="14.25" customHeight="1" x14ac:dyDescent="0.75"/>
    <row r="144" ht="14.25" customHeight="1" x14ac:dyDescent="0.75"/>
    <row r="145" ht="14.25" customHeight="1" x14ac:dyDescent="0.75"/>
    <row r="146" ht="14.25" customHeight="1" x14ac:dyDescent="0.75"/>
    <row r="147" ht="14.25" customHeight="1" x14ac:dyDescent="0.75"/>
    <row r="148" ht="14.25" customHeight="1" x14ac:dyDescent="0.75"/>
    <row r="149" ht="14.25" customHeight="1" x14ac:dyDescent="0.75"/>
    <row r="150" ht="14.25" customHeight="1" x14ac:dyDescent="0.75"/>
    <row r="151" ht="14.25" customHeight="1" x14ac:dyDescent="0.75"/>
    <row r="152" ht="14.25" customHeight="1" x14ac:dyDescent="0.75"/>
    <row r="153" ht="14.25" customHeight="1" x14ac:dyDescent="0.75"/>
    <row r="154" ht="14.25" customHeight="1" x14ac:dyDescent="0.75"/>
    <row r="155" ht="14.25" customHeight="1" x14ac:dyDescent="0.75"/>
    <row r="156" ht="14.25" customHeight="1" x14ac:dyDescent="0.75"/>
    <row r="157" ht="14.25" customHeight="1" x14ac:dyDescent="0.75"/>
    <row r="158" ht="14.25" customHeight="1" x14ac:dyDescent="0.75"/>
    <row r="159" ht="14.25" customHeight="1" x14ac:dyDescent="0.75"/>
    <row r="160" ht="14.25" customHeight="1" x14ac:dyDescent="0.75"/>
    <row r="161" ht="14.25" customHeight="1" x14ac:dyDescent="0.75"/>
    <row r="162" ht="14.25" customHeight="1" x14ac:dyDescent="0.75"/>
    <row r="163" ht="14.25" customHeight="1" x14ac:dyDescent="0.75"/>
    <row r="164" ht="14.25" customHeight="1" x14ac:dyDescent="0.75"/>
    <row r="165" ht="14.25" customHeight="1" x14ac:dyDescent="0.75"/>
    <row r="166" ht="14.25" customHeight="1" x14ac:dyDescent="0.75"/>
    <row r="167" ht="14.25" customHeight="1" x14ac:dyDescent="0.75"/>
    <row r="168" ht="14.25" customHeight="1" x14ac:dyDescent="0.75"/>
    <row r="169" ht="14.25" customHeight="1" x14ac:dyDescent="0.75"/>
    <row r="170" ht="14.25" customHeight="1" x14ac:dyDescent="0.75"/>
    <row r="171" ht="14.25" customHeight="1" x14ac:dyDescent="0.75"/>
    <row r="172" ht="14.25" customHeight="1" x14ac:dyDescent="0.75"/>
    <row r="173" ht="14.25" customHeight="1" x14ac:dyDescent="0.75"/>
    <row r="174" ht="14.25" customHeight="1" x14ac:dyDescent="0.75"/>
    <row r="175" ht="14.25" customHeight="1" x14ac:dyDescent="0.75"/>
    <row r="176" ht="14.25" customHeight="1" x14ac:dyDescent="0.75"/>
    <row r="177" ht="14.25" customHeight="1" x14ac:dyDescent="0.75"/>
    <row r="178" ht="14.25" customHeight="1" x14ac:dyDescent="0.75"/>
    <row r="179" ht="14.25" customHeight="1" x14ac:dyDescent="0.75"/>
    <row r="180" ht="14.25" customHeight="1" x14ac:dyDescent="0.75"/>
    <row r="181" ht="14.25" customHeight="1" x14ac:dyDescent="0.75"/>
    <row r="182" ht="14.25" customHeight="1" x14ac:dyDescent="0.75"/>
    <row r="183" ht="14.25" customHeight="1" x14ac:dyDescent="0.75"/>
    <row r="184" ht="14.25" customHeight="1" x14ac:dyDescent="0.75"/>
    <row r="185" ht="14.25" customHeight="1" x14ac:dyDescent="0.75"/>
    <row r="186" ht="14.25" customHeight="1" x14ac:dyDescent="0.75"/>
    <row r="187" ht="14.25" customHeight="1" x14ac:dyDescent="0.75"/>
    <row r="188" ht="14.25" customHeight="1" x14ac:dyDescent="0.75"/>
    <row r="189" ht="14.25" customHeight="1" x14ac:dyDescent="0.75"/>
    <row r="190" ht="14.25" customHeight="1" x14ac:dyDescent="0.75"/>
    <row r="191" ht="14.25" customHeight="1" x14ac:dyDescent="0.75"/>
    <row r="192" ht="14.25" customHeight="1" x14ac:dyDescent="0.75"/>
    <row r="193" ht="14.25" customHeight="1" x14ac:dyDescent="0.75"/>
    <row r="194" ht="14.25" customHeight="1" x14ac:dyDescent="0.75"/>
    <row r="195" ht="14.25" customHeight="1" x14ac:dyDescent="0.75"/>
    <row r="196" ht="14.25" customHeight="1" x14ac:dyDescent="0.75"/>
    <row r="197" ht="14.25" customHeight="1" x14ac:dyDescent="0.75"/>
    <row r="198" ht="14.25" customHeight="1" x14ac:dyDescent="0.75"/>
    <row r="199" ht="14.25" customHeight="1" x14ac:dyDescent="0.75"/>
    <row r="200" ht="14.25" customHeight="1" x14ac:dyDescent="0.75"/>
    <row r="201" ht="14.25" customHeight="1" x14ac:dyDescent="0.75"/>
    <row r="202" ht="14.25" customHeight="1" x14ac:dyDescent="0.75"/>
    <row r="203" ht="14.25" customHeight="1" x14ac:dyDescent="0.75"/>
    <row r="204" ht="14.25" customHeight="1" x14ac:dyDescent="0.75"/>
    <row r="205" ht="14.25" customHeight="1" x14ac:dyDescent="0.75"/>
    <row r="206" ht="14.25" customHeight="1" x14ac:dyDescent="0.75"/>
    <row r="207" ht="14.25" customHeight="1" x14ac:dyDescent="0.75"/>
    <row r="208" ht="14.25" customHeight="1" x14ac:dyDescent="0.75"/>
    <row r="209" ht="14.25" customHeight="1" x14ac:dyDescent="0.75"/>
    <row r="210" ht="14.25" customHeight="1" x14ac:dyDescent="0.75"/>
    <row r="211" ht="14.25" customHeight="1" x14ac:dyDescent="0.75"/>
    <row r="212" ht="14.25" customHeight="1" x14ac:dyDescent="0.75"/>
    <row r="213" ht="14.25" customHeight="1" x14ac:dyDescent="0.75"/>
    <row r="214" ht="14.25" customHeight="1" x14ac:dyDescent="0.75"/>
    <row r="215" ht="14.25" customHeight="1" x14ac:dyDescent="0.75"/>
    <row r="216" ht="14.25" customHeight="1" x14ac:dyDescent="0.75"/>
    <row r="217" ht="14.25" customHeight="1" x14ac:dyDescent="0.75"/>
    <row r="218" ht="14.25" customHeight="1" x14ac:dyDescent="0.75"/>
    <row r="219" ht="14.25" customHeight="1" x14ac:dyDescent="0.75"/>
    <row r="220" ht="14.25" customHeight="1" x14ac:dyDescent="0.75"/>
    <row r="221" ht="14.25" customHeight="1" x14ac:dyDescent="0.75"/>
    <row r="222" ht="14.25" customHeight="1" x14ac:dyDescent="0.75"/>
    <row r="223" ht="14.25" customHeight="1" x14ac:dyDescent="0.75"/>
    <row r="224" ht="14.25" customHeight="1" x14ac:dyDescent="0.75"/>
    <row r="225" ht="14.25" customHeight="1" x14ac:dyDescent="0.75"/>
    <row r="226" ht="14.25" customHeight="1" x14ac:dyDescent="0.75"/>
    <row r="227" ht="14.25" customHeight="1" x14ac:dyDescent="0.75"/>
    <row r="228" ht="14.25" customHeight="1" x14ac:dyDescent="0.75"/>
    <row r="229" ht="14.25" customHeight="1" x14ac:dyDescent="0.75"/>
    <row r="230" ht="14.25" customHeight="1" x14ac:dyDescent="0.75"/>
    <row r="231" ht="14.25" customHeight="1" x14ac:dyDescent="0.75"/>
    <row r="232" ht="14.25" customHeight="1" x14ac:dyDescent="0.75"/>
    <row r="233" ht="14.25" customHeight="1" x14ac:dyDescent="0.75"/>
    <row r="234" ht="14.25" customHeight="1" x14ac:dyDescent="0.75"/>
    <row r="235" ht="14.25" customHeight="1" x14ac:dyDescent="0.75"/>
    <row r="236" ht="14.25" customHeight="1" x14ac:dyDescent="0.75"/>
    <row r="237" ht="14.25" customHeight="1" x14ac:dyDescent="0.75"/>
    <row r="238" ht="14.25" customHeight="1" x14ac:dyDescent="0.75"/>
    <row r="239" ht="14.25" customHeight="1" x14ac:dyDescent="0.75"/>
    <row r="240" ht="14.25" customHeight="1" x14ac:dyDescent="0.75"/>
    <row r="241" ht="14.25" customHeight="1" x14ac:dyDescent="0.75"/>
    <row r="242" ht="14.25" customHeight="1" x14ac:dyDescent="0.75"/>
    <row r="243" ht="14.25" customHeight="1" x14ac:dyDescent="0.75"/>
    <row r="244" ht="14.25" customHeight="1" x14ac:dyDescent="0.75"/>
    <row r="245" ht="14.25" customHeight="1" x14ac:dyDescent="0.75"/>
    <row r="246" ht="14.25" customHeight="1" x14ac:dyDescent="0.75"/>
    <row r="247" ht="14.25" customHeight="1" x14ac:dyDescent="0.75"/>
    <row r="248" ht="14.25" customHeight="1" x14ac:dyDescent="0.75"/>
    <row r="249" ht="14.25" customHeight="1" x14ac:dyDescent="0.75"/>
    <row r="250" ht="14.25" customHeight="1" x14ac:dyDescent="0.75"/>
    <row r="251" ht="14.25" customHeight="1" x14ac:dyDescent="0.75"/>
    <row r="252" ht="14.25" customHeight="1" x14ac:dyDescent="0.75"/>
    <row r="253" ht="14.25" customHeight="1" x14ac:dyDescent="0.75"/>
    <row r="254" ht="14.25" customHeight="1" x14ac:dyDescent="0.75"/>
    <row r="255" ht="14.25" customHeight="1" x14ac:dyDescent="0.75"/>
    <row r="256" ht="14.25" customHeight="1" x14ac:dyDescent="0.75"/>
    <row r="257" ht="14.25" customHeight="1" x14ac:dyDescent="0.75"/>
    <row r="258" ht="14.25" customHeight="1" x14ac:dyDescent="0.75"/>
    <row r="259" ht="14.25" customHeight="1" x14ac:dyDescent="0.75"/>
    <row r="260" ht="14.25" customHeight="1" x14ac:dyDescent="0.75"/>
    <row r="261" ht="14.25" customHeight="1" x14ac:dyDescent="0.75"/>
    <row r="262" ht="14.25" customHeight="1" x14ac:dyDescent="0.75"/>
    <row r="263" ht="14.25" customHeight="1" x14ac:dyDescent="0.75"/>
    <row r="264" ht="14.25" customHeight="1" x14ac:dyDescent="0.75"/>
    <row r="265" ht="14.25" customHeight="1" x14ac:dyDescent="0.75"/>
    <row r="266" ht="14.25" customHeight="1" x14ac:dyDescent="0.75"/>
    <row r="267" ht="14.25" customHeight="1" x14ac:dyDescent="0.75"/>
    <row r="268" ht="14.25" customHeight="1" x14ac:dyDescent="0.75"/>
    <row r="269" ht="14.25" customHeight="1" x14ac:dyDescent="0.75"/>
    <row r="270" ht="14.25" customHeight="1" x14ac:dyDescent="0.75"/>
    <row r="271" ht="14.25" customHeight="1" x14ac:dyDescent="0.75"/>
    <row r="272" ht="14.25" customHeight="1" x14ac:dyDescent="0.75"/>
    <row r="273" ht="14.25" customHeight="1" x14ac:dyDescent="0.75"/>
    <row r="274" ht="14.25" customHeight="1" x14ac:dyDescent="0.75"/>
    <row r="275" ht="14.25" customHeight="1" x14ac:dyDescent="0.75"/>
    <row r="276" ht="14.25" customHeight="1" x14ac:dyDescent="0.75"/>
    <row r="277" ht="14.25" customHeight="1" x14ac:dyDescent="0.75"/>
    <row r="278" ht="14.25" customHeight="1" x14ac:dyDescent="0.75"/>
    <row r="279" ht="14.25" customHeight="1" x14ac:dyDescent="0.75"/>
    <row r="280" ht="14.25" customHeight="1" x14ac:dyDescent="0.75"/>
    <row r="281" ht="14.25" customHeight="1" x14ac:dyDescent="0.75"/>
    <row r="282" ht="14.25" customHeight="1" x14ac:dyDescent="0.75"/>
    <row r="283" ht="14.25" customHeight="1" x14ac:dyDescent="0.75"/>
    <row r="284" ht="14.25" customHeight="1" x14ac:dyDescent="0.75"/>
    <row r="285" ht="14.25" customHeight="1" x14ac:dyDescent="0.75"/>
    <row r="286" ht="14.25" customHeight="1" x14ac:dyDescent="0.75"/>
    <row r="287" ht="14.25" customHeight="1" x14ac:dyDescent="0.75"/>
    <row r="288" ht="14.25" customHeight="1" x14ac:dyDescent="0.75"/>
    <row r="289" ht="14.25" customHeight="1" x14ac:dyDescent="0.75"/>
    <row r="290" ht="14.25" customHeight="1" x14ac:dyDescent="0.75"/>
    <row r="291" ht="14.25" customHeight="1" x14ac:dyDescent="0.75"/>
    <row r="292" ht="14.25" customHeight="1" x14ac:dyDescent="0.75"/>
    <row r="293" ht="14.25" customHeight="1" x14ac:dyDescent="0.75"/>
    <row r="294" ht="14.25" customHeight="1" x14ac:dyDescent="0.75"/>
    <row r="295" ht="14.25" customHeight="1" x14ac:dyDescent="0.75"/>
    <row r="296" ht="14.25" customHeight="1" x14ac:dyDescent="0.75"/>
    <row r="297" ht="14.25" customHeight="1" x14ac:dyDescent="0.75"/>
    <row r="298" ht="14.25" customHeight="1" x14ac:dyDescent="0.75"/>
    <row r="299" ht="14.25" customHeight="1" x14ac:dyDescent="0.75"/>
    <row r="300" ht="14.25" customHeight="1" x14ac:dyDescent="0.75"/>
    <row r="301" ht="14.25" customHeight="1" x14ac:dyDescent="0.75"/>
    <row r="302" ht="14.25" customHeight="1" x14ac:dyDescent="0.75"/>
    <row r="303" ht="14.25" customHeight="1" x14ac:dyDescent="0.75"/>
    <row r="304" ht="14.25" customHeight="1" x14ac:dyDescent="0.75"/>
    <row r="305" ht="14.25" customHeight="1" x14ac:dyDescent="0.75"/>
    <row r="306" ht="14.25" customHeight="1" x14ac:dyDescent="0.75"/>
    <row r="307" ht="14.25" customHeight="1" x14ac:dyDescent="0.75"/>
    <row r="308" ht="14.25" customHeight="1" x14ac:dyDescent="0.75"/>
    <row r="309" ht="14.25" customHeight="1" x14ac:dyDescent="0.75"/>
    <row r="310" ht="14.25" customHeight="1" x14ac:dyDescent="0.75"/>
    <row r="311" ht="14.25" customHeight="1" x14ac:dyDescent="0.75"/>
    <row r="312" ht="14.25" customHeight="1" x14ac:dyDescent="0.75"/>
    <row r="313" ht="14.25" customHeight="1" x14ac:dyDescent="0.75"/>
    <row r="314" ht="14.25" customHeight="1" x14ac:dyDescent="0.75"/>
    <row r="315" ht="14.25" customHeight="1" x14ac:dyDescent="0.75"/>
    <row r="316" ht="14.25" customHeight="1" x14ac:dyDescent="0.75"/>
    <row r="317" ht="14.25" customHeight="1" x14ac:dyDescent="0.75"/>
    <row r="318" ht="14.25" customHeight="1" x14ac:dyDescent="0.75"/>
    <row r="319" ht="14.25" customHeight="1" x14ac:dyDescent="0.75"/>
    <row r="320" ht="14.25" customHeight="1" x14ac:dyDescent="0.75"/>
    <row r="321" ht="14.25" customHeight="1" x14ac:dyDescent="0.75"/>
    <row r="322" ht="14.25" customHeight="1" x14ac:dyDescent="0.75"/>
    <row r="323" ht="14.25" customHeight="1" x14ac:dyDescent="0.75"/>
    <row r="324" ht="14.25" customHeight="1" x14ac:dyDescent="0.75"/>
    <row r="325" ht="14.25" customHeight="1" x14ac:dyDescent="0.75"/>
    <row r="326" ht="14.25" customHeight="1" x14ac:dyDescent="0.75"/>
    <row r="327" ht="14.25" customHeight="1" x14ac:dyDescent="0.75"/>
    <row r="328" ht="14.25" customHeight="1" x14ac:dyDescent="0.75"/>
    <row r="329" ht="14.25" customHeight="1" x14ac:dyDescent="0.75"/>
    <row r="330" ht="14.25" customHeight="1" x14ac:dyDescent="0.75"/>
    <row r="331" ht="14.25" customHeight="1" x14ac:dyDescent="0.75"/>
    <row r="332" ht="14.25" customHeight="1" x14ac:dyDescent="0.75"/>
    <row r="333" ht="14.25" customHeight="1" x14ac:dyDescent="0.75"/>
    <row r="334" ht="14.25" customHeight="1" x14ac:dyDescent="0.75"/>
    <row r="335" ht="14.25" customHeight="1" x14ac:dyDescent="0.75"/>
    <row r="336" ht="14.25" customHeight="1" x14ac:dyDescent="0.75"/>
    <row r="337" ht="14.25" customHeight="1" x14ac:dyDescent="0.75"/>
    <row r="338" ht="14.25" customHeight="1" x14ac:dyDescent="0.75"/>
    <row r="339" ht="14.25" customHeight="1" x14ac:dyDescent="0.75"/>
    <row r="340" ht="14.25" customHeight="1" x14ac:dyDescent="0.75"/>
    <row r="341" ht="14.25" customHeight="1" x14ac:dyDescent="0.75"/>
    <row r="342" ht="14.25" customHeight="1" x14ac:dyDescent="0.75"/>
    <row r="343" ht="14.25" customHeight="1" x14ac:dyDescent="0.75"/>
    <row r="344" ht="14.25" customHeight="1" x14ac:dyDescent="0.75"/>
    <row r="345" ht="14.25" customHeight="1" x14ac:dyDescent="0.75"/>
    <row r="346" ht="14.25" customHeight="1" x14ac:dyDescent="0.75"/>
    <row r="347" ht="14.25" customHeight="1" x14ac:dyDescent="0.75"/>
    <row r="348" ht="14.25" customHeight="1" x14ac:dyDescent="0.75"/>
    <row r="349" ht="14.25" customHeight="1" x14ac:dyDescent="0.75"/>
    <row r="350" ht="14.25" customHeight="1" x14ac:dyDescent="0.75"/>
    <row r="351" ht="14.25" customHeight="1" x14ac:dyDescent="0.75"/>
    <row r="352" ht="14.25" customHeight="1" x14ac:dyDescent="0.75"/>
    <row r="353" ht="14.25" customHeight="1" x14ac:dyDescent="0.75"/>
    <row r="354" ht="14.25" customHeight="1" x14ac:dyDescent="0.75"/>
    <row r="355" ht="14.25" customHeight="1" x14ac:dyDescent="0.75"/>
    <row r="356" ht="14.25" customHeight="1" x14ac:dyDescent="0.75"/>
    <row r="357" ht="14.25" customHeight="1" x14ac:dyDescent="0.75"/>
    <row r="358" ht="14.25" customHeight="1" x14ac:dyDescent="0.75"/>
    <row r="359" ht="14.25" customHeight="1" x14ac:dyDescent="0.75"/>
    <row r="360" ht="14.25" customHeight="1" x14ac:dyDescent="0.75"/>
    <row r="361" ht="14.25" customHeight="1" x14ac:dyDescent="0.75"/>
    <row r="362" ht="14.25" customHeight="1" x14ac:dyDescent="0.75"/>
    <row r="363" ht="14.25" customHeight="1" x14ac:dyDescent="0.75"/>
    <row r="364" ht="14.25" customHeight="1" x14ac:dyDescent="0.75"/>
    <row r="365" ht="14.25" customHeight="1" x14ac:dyDescent="0.75"/>
    <row r="366" ht="14.25" customHeight="1" x14ac:dyDescent="0.75"/>
    <row r="367" ht="14.25" customHeight="1" x14ac:dyDescent="0.75"/>
    <row r="368" ht="14.25" customHeight="1" x14ac:dyDescent="0.75"/>
    <row r="369" ht="14.25" customHeight="1" x14ac:dyDescent="0.75"/>
    <row r="370" ht="14.25" customHeight="1" x14ac:dyDescent="0.75"/>
    <row r="371" ht="14.25" customHeight="1" x14ac:dyDescent="0.75"/>
    <row r="372" ht="14.25" customHeight="1" x14ac:dyDescent="0.75"/>
    <row r="373" ht="14.25" customHeight="1" x14ac:dyDescent="0.75"/>
    <row r="374" ht="14.25" customHeight="1" x14ac:dyDescent="0.75"/>
    <row r="375" ht="14.25" customHeight="1" x14ac:dyDescent="0.75"/>
    <row r="376" ht="14.25" customHeight="1" x14ac:dyDescent="0.75"/>
    <row r="377" ht="14.25" customHeight="1" x14ac:dyDescent="0.75"/>
    <row r="378" ht="14.25" customHeight="1" x14ac:dyDescent="0.75"/>
    <row r="379" ht="14.25" customHeight="1" x14ac:dyDescent="0.75"/>
    <row r="380" ht="14.25" customHeight="1" x14ac:dyDescent="0.75"/>
    <row r="381" ht="14.25" customHeight="1" x14ac:dyDescent="0.75"/>
    <row r="382" ht="14.25" customHeight="1" x14ac:dyDescent="0.75"/>
    <row r="383" ht="14.25" customHeight="1" x14ac:dyDescent="0.75"/>
    <row r="384" ht="14.25" customHeight="1" x14ac:dyDescent="0.75"/>
    <row r="385" ht="14.25" customHeight="1" x14ac:dyDescent="0.75"/>
    <row r="386" ht="14.25" customHeight="1" x14ac:dyDescent="0.75"/>
    <row r="387" ht="14.25" customHeight="1" x14ac:dyDescent="0.75"/>
    <row r="388" ht="14.25" customHeight="1" x14ac:dyDescent="0.75"/>
    <row r="389" ht="14.25" customHeight="1" x14ac:dyDescent="0.75"/>
    <row r="390" ht="14.25" customHeight="1" x14ac:dyDescent="0.75"/>
    <row r="391" ht="14.25" customHeight="1" x14ac:dyDescent="0.75"/>
    <row r="392" ht="14.25" customHeight="1" x14ac:dyDescent="0.75"/>
    <row r="393" ht="14.25" customHeight="1" x14ac:dyDescent="0.75"/>
    <row r="394" ht="14.25" customHeight="1" x14ac:dyDescent="0.75"/>
    <row r="395" ht="14.25" customHeight="1" x14ac:dyDescent="0.75"/>
    <row r="396" ht="14.25" customHeight="1" x14ac:dyDescent="0.75"/>
    <row r="397" ht="14.25" customHeight="1" x14ac:dyDescent="0.75"/>
    <row r="398" ht="14.25" customHeight="1" x14ac:dyDescent="0.75"/>
    <row r="399" ht="14.25" customHeight="1" x14ac:dyDescent="0.75"/>
    <row r="400" ht="14.25" customHeight="1" x14ac:dyDescent="0.75"/>
    <row r="401" ht="14.25" customHeight="1" x14ac:dyDescent="0.75"/>
    <row r="402" ht="14.25" customHeight="1" x14ac:dyDescent="0.75"/>
    <row r="403" ht="14.25" customHeight="1" x14ac:dyDescent="0.75"/>
    <row r="404" ht="14.25" customHeight="1" x14ac:dyDescent="0.75"/>
    <row r="405" ht="14.25" customHeight="1" x14ac:dyDescent="0.75"/>
    <row r="406" ht="14.25" customHeight="1" x14ac:dyDescent="0.75"/>
    <row r="407" ht="14.25" customHeight="1" x14ac:dyDescent="0.75"/>
    <row r="408" ht="14.25" customHeight="1" x14ac:dyDescent="0.75"/>
    <row r="409" ht="14.25" customHeight="1" x14ac:dyDescent="0.75"/>
    <row r="410" ht="14.25" customHeight="1" x14ac:dyDescent="0.75"/>
    <row r="411" ht="14.25" customHeight="1" x14ac:dyDescent="0.75"/>
    <row r="412" ht="14.25" customHeight="1" x14ac:dyDescent="0.75"/>
    <row r="413" ht="14.25" customHeight="1" x14ac:dyDescent="0.75"/>
    <row r="414" ht="14.25" customHeight="1" x14ac:dyDescent="0.75"/>
    <row r="415" ht="14.25" customHeight="1" x14ac:dyDescent="0.75"/>
    <row r="416" ht="14.25" customHeight="1" x14ac:dyDescent="0.75"/>
    <row r="417" ht="14.25" customHeight="1" x14ac:dyDescent="0.75"/>
    <row r="418" ht="14.25" customHeight="1" x14ac:dyDescent="0.75"/>
    <row r="419" ht="14.25" customHeight="1" x14ac:dyDescent="0.75"/>
    <row r="420" ht="14.25" customHeight="1" x14ac:dyDescent="0.75"/>
    <row r="421" ht="14.25" customHeight="1" x14ac:dyDescent="0.75"/>
    <row r="422" ht="14.25" customHeight="1" x14ac:dyDescent="0.75"/>
    <row r="423" ht="14.25" customHeight="1" x14ac:dyDescent="0.75"/>
    <row r="424" ht="14.25" customHeight="1" x14ac:dyDescent="0.75"/>
    <row r="425" ht="14.25" customHeight="1" x14ac:dyDescent="0.75"/>
    <row r="426" ht="14.25" customHeight="1" x14ac:dyDescent="0.75"/>
    <row r="427" ht="14.25" customHeight="1" x14ac:dyDescent="0.75"/>
    <row r="428" ht="14.25" customHeight="1" x14ac:dyDescent="0.75"/>
    <row r="429" ht="14.25" customHeight="1" x14ac:dyDescent="0.75"/>
    <row r="430" ht="14.25" customHeight="1" x14ac:dyDescent="0.75"/>
    <row r="431" ht="14.25" customHeight="1" x14ac:dyDescent="0.75"/>
    <row r="432" ht="14.25" customHeight="1" x14ac:dyDescent="0.75"/>
    <row r="433" ht="14.25" customHeight="1" x14ac:dyDescent="0.75"/>
    <row r="434" ht="14.25" customHeight="1" x14ac:dyDescent="0.75"/>
    <row r="435" ht="14.25" customHeight="1" x14ac:dyDescent="0.75"/>
    <row r="436" ht="14.25" customHeight="1" x14ac:dyDescent="0.75"/>
    <row r="437" ht="14.25" customHeight="1" x14ac:dyDescent="0.75"/>
    <row r="438" ht="14.25" customHeight="1" x14ac:dyDescent="0.75"/>
    <row r="439" ht="14.25" customHeight="1" x14ac:dyDescent="0.75"/>
    <row r="440" ht="14.25" customHeight="1" x14ac:dyDescent="0.75"/>
    <row r="441" ht="14.25" customHeight="1" x14ac:dyDescent="0.75"/>
    <row r="442" ht="14.25" customHeight="1" x14ac:dyDescent="0.75"/>
    <row r="443" ht="14.25" customHeight="1" x14ac:dyDescent="0.75"/>
    <row r="444" ht="14.25" customHeight="1" x14ac:dyDescent="0.75"/>
    <row r="445" ht="14.25" customHeight="1" x14ac:dyDescent="0.75"/>
    <row r="446" ht="14.25" customHeight="1" x14ac:dyDescent="0.75"/>
    <row r="447" ht="14.25" customHeight="1" x14ac:dyDescent="0.75"/>
    <row r="448" ht="14.25" customHeight="1" x14ac:dyDescent="0.75"/>
    <row r="449" ht="14.25" customHeight="1" x14ac:dyDescent="0.75"/>
    <row r="450" ht="14.25" customHeight="1" x14ac:dyDescent="0.75"/>
    <row r="451" ht="14.25" customHeight="1" x14ac:dyDescent="0.75"/>
    <row r="452" ht="14.25" customHeight="1" x14ac:dyDescent="0.75"/>
    <row r="453" ht="14.25" customHeight="1" x14ac:dyDescent="0.75"/>
    <row r="454" ht="14.25" customHeight="1" x14ac:dyDescent="0.75"/>
    <row r="455" ht="14.25" customHeight="1" x14ac:dyDescent="0.75"/>
    <row r="456" ht="14.25" customHeight="1" x14ac:dyDescent="0.75"/>
    <row r="457" ht="14.25" customHeight="1" x14ac:dyDescent="0.75"/>
    <row r="458" ht="14.25" customHeight="1" x14ac:dyDescent="0.75"/>
    <row r="459" ht="14.25" customHeight="1" x14ac:dyDescent="0.75"/>
    <row r="460" ht="14.25" customHeight="1" x14ac:dyDescent="0.75"/>
    <row r="461" ht="14.25" customHeight="1" x14ac:dyDescent="0.75"/>
    <row r="462" ht="14.25" customHeight="1" x14ac:dyDescent="0.75"/>
    <row r="463" ht="14.25" customHeight="1" x14ac:dyDescent="0.75"/>
    <row r="464" ht="14.25" customHeight="1" x14ac:dyDescent="0.75"/>
    <row r="465" ht="14.25" customHeight="1" x14ac:dyDescent="0.75"/>
    <row r="466" ht="14.25" customHeight="1" x14ac:dyDescent="0.75"/>
    <row r="467" ht="14.25" customHeight="1" x14ac:dyDescent="0.75"/>
    <row r="468" ht="14.25" customHeight="1" x14ac:dyDescent="0.75"/>
    <row r="469" ht="14.25" customHeight="1" x14ac:dyDescent="0.75"/>
    <row r="470" ht="14.25" customHeight="1" x14ac:dyDescent="0.75"/>
    <row r="471" ht="14.25" customHeight="1" x14ac:dyDescent="0.75"/>
    <row r="472" ht="14.25" customHeight="1" x14ac:dyDescent="0.75"/>
    <row r="473" ht="14.25" customHeight="1" x14ac:dyDescent="0.75"/>
    <row r="474" ht="14.25" customHeight="1" x14ac:dyDescent="0.75"/>
    <row r="475" ht="14.25" customHeight="1" x14ac:dyDescent="0.75"/>
    <row r="476" ht="14.25" customHeight="1" x14ac:dyDescent="0.75"/>
    <row r="477" ht="14.25" customHeight="1" x14ac:dyDescent="0.75"/>
    <row r="478" ht="14.25" customHeight="1" x14ac:dyDescent="0.75"/>
    <row r="479" ht="14.25" customHeight="1" x14ac:dyDescent="0.75"/>
    <row r="480" ht="14.25" customHeight="1" x14ac:dyDescent="0.75"/>
    <row r="481" ht="14.25" customHeight="1" x14ac:dyDescent="0.75"/>
    <row r="482" ht="14.25" customHeight="1" x14ac:dyDescent="0.75"/>
    <row r="483" ht="14.25" customHeight="1" x14ac:dyDescent="0.75"/>
    <row r="484" ht="14.25" customHeight="1" x14ac:dyDescent="0.75"/>
    <row r="485" ht="14.25" customHeight="1" x14ac:dyDescent="0.75"/>
    <row r="486" ht="14.25" customHeight="1" x14ac:dyDescent="0.75"/>
    <row r="487" ht="14.25" customHeight="1" x14ac:dyDescent="0.75"/>
    <row r="488" ht="14.25" customHeight="1" x14ac:dyDescent="0.75"/>
    <row r="489" ht="14.25" customHeight="1" x14ac:dyDescent="0.75"/>
    <row r="490" ht="14.25" customHeight="1" x14ac:dyDescent="0.75"/>
    <row r="491" ht="14.25" customHeight="1" x14ac:dyDescent="0.75"/>
    <row r="492" ht="14.25" customHeight="1" x14ac:dyDescent="0.75"/>
    <row r="493" ht="14.25" customHeight="1" x14ac:dyDescent="0.75"/>
    <row r="494" ht="14.25" customHeight="1" x14ac:dyDescent="0.75"/>
    <row r="495" ht="14.25" customHeight="1" x14ac:dyDescent="0.75"/>
    <row r="496" ht="14.25" customHeight="1" x14ac:dyDescent="0.75"/>
    <row r="497" ht="14.25" customHeight="1" x14ac:dyDescent="0.75"/>
    <row r="498" ht="14.25" customHeight="1" x14ac:dyDescent="0.75"/>
    <row r="499" ht="14.25" customHeight="1" x14ac:dyDescent="0.75"/>
    <row r="500" ht="14.25" customHeight="1" x14ac:dyDescent="0.75"/>
    <row r="501" ht="14.25" customHeight="1" x14ac:dyDescent="0.75"/>
    <row r="502" ht="14.25" customHeight="1" x14ac:dyDescent="0.75"/>
    <row r="503" ht="14.25" customHeight="1" x14ac:dyDescent="0.75"/>
    <row r="504" ht="14.25" customHeight="1" x14ac:dyDescent="0.75"/>
    <row r="505" ht="14.25" customHeight="1" x14ac:dyDescent="0.75"/>
    <row r="506" ht="14.25" customHeight="1" x14ac:dyDescent="0.75"/>
    <row r="507" ht="14.25" customHeight="1" x14ac:dyDescent="0.75"/>
    <row r="508" ht="14.25" customHeight="1" x14ac:dyDescent="0.75"/>
    <row r="509" ht="14.25" customHeight="1" x14ac:dyDescent="0.75"/>
    <row r="510" ht="14.25" customHeight="1" x14ac:dyDescent="0.75"/>
    <row r="511" ht="14.25" customHeight="1" x14ac:dyDescent="0.75"/>
    <row r="512" ht="14.25" customHeight="1" x14ac:dyDescent="0.75"/>
    <row r="513" ht="14.25" customHeight="1" x14ac:dyDescent="0.75"/>
    <row r="514" ht="14.25" customHeight="1" x14ac:dyDescent="0.75"/>
    <row r="515" ht="14.25" customHeight="1" x14ac:dyDescent="0.75"/>
    <row r="516" ht="14.25" customHeight="1" x14ac:dyDescent="0.75"/>
    <row r="517" ht="14.25" customHeight="1" x14ac:dyDescent="0.75"/>
    <row r="518" ht="14.25" customHeight="1" x14ac:dyDescent="0.75"/>
    <row r="519" ht="14.25" customHeight="1" x14ac:dyDescent="0.75"/>
    <row r="520" ht="14.25" customHeight="1" x14ac:dyDescent="0.75"/>
    <row r="521" ht="14.25" customHeight="1" x14ac:dyDescent="0.75"/>
    <row r="522" ht="14.25" customHeight="1" x14ac:dyDescent="0.75"/>
    <row r="523" ht="14.25" customHeight="1" x14ac:dyDescent="0.75"/>
    <row r="524" ht="14.25" customHeight="1" x14ac:dyDescent="0.75"/>
    <row r="525" ht="14.25" customHeight="1" x14ac:dyDescent="0.75"/>
    <row r="526" ht="14.25" customHeight="1" x14ac:dyDescent="0.75"/>
    <row r="527" ht="14.25" customHeight="1" x14ac:dyDescent="0.75"/>
    <row r="528" ht="14.25" customHeight="1" x14ac:dyDescent="0.75"/>
    <row r="529" ht="14.25" customHeight="1" x14ac:dyDescent="0.75"/>
    <row r="530" ht="14.25" customHeight="1" x14ac:dyDescent="0.75"/>
    <row r="531" ht="14.25" customHeight="1" x14ac:dyDescent="0.75"/>
    <row r="532" ht="14.25" customHeight="1" x14ac:dyDescent="0.75"/>
    <row r="533" ht="14.25" customHeight="1" x14ac:dyDescent="0.75"/>
    <row r="534" ht="14.25" customHeight="1" x14ac:dyDescent="0.75"/>
    <row r="535" ht="14.25" customHeight="1" x14ac:dyDescent="0.75"/>
    <row r="536" ht="14.25" customHeight="1" x14ac:dyDescent="0.75"/>
    <row r="537" ht="14.25" customHeight="1" x14ac:dyDescent="0.75"/>
    <row r="538" ht="14.25" customHeight="1" x14ac:dyDescent="0.75"/>
    <row r="539" ht="14.25" customHeight="1" x14ac:dyDescent="0.75"/>
    <row r="540" ht="14.25" customHeight="1" x14ac:dyDescent="0.75"/>
    <row r="541" ht="14.25" customHeight="1" x14ac:dyDescent="0.75"/>
    <row r="542" ht="14.25" customHeight="1" x14ac:dyDescent="0.75"/>
    <row r="543" ht="14.25" customHeight="1" x14ac:dyDescent="0.75"/>
    <row r="544" ht="14.25" customHeight="1" x14ac:dyDescent="0.75"/>
    <row r="545" ht="14.25" customHeight="1" x14ac:dyDescent="0.75"/>
    <row r="546" ht="14.25" customHeight="1" x14ac:dyDescent="0.75"/>
    <row r="547" ht="14.25" customHeight="1" x14ac:dyDescent="0.75"/>
    <row r="548" ht="14.25" customHeight="1" x14ac:dyDescent="0.75"/>
    <row r="549" ht="14.25" customHeight="1" x14ac:dyDescent="0.75"/>
    <row r="550" ht="14.25" customHeight="1" x14ac:dyDescent="0.75"/>
    <row r="551" ht="14.25" customHeight="1" x14ac:dyDescent="0.75"/>
    <row r="552" ht="14.25" customHeight="1" x14ac:dyDescent="0.75"/>
    <row r="553" ht="14.25" customHeight="1" x14ac:dyDescent="0.75"/>
    <row r="554" ht="14.25" customHeight="1" x14ac:dyDescent="0.75"/>
    <row r="555" ht="14.25" customHeight="1" x14ac:dyDescent="0.75"/>
    <row r="556" ht="14.25" customHeight="1" x14ac:dyDescent="0.75"/>
    <row r="557" ht="14.25" customHeight="1" x14ac:dyDescent="0.75"/>
    <row r="558" ht="14.25" customHeight="1" x14ac:dyDescent="0.75"/>
    <row r="559" ht="14.25" customHeight="1" x14ac:dyDescent="0.75"/>
    <row r="560" ht="14.25" customHeight="1" x14ac:dyDescent="0.75"/>
    <row r="561" ht="14.25" customHeight="1" x14ac:dyDescent="0.75"/>
    <row r="562" ht="14.25" customHeight="1" x14ac:dyDescent="0.75"/>
    <row r="563" ht="14.25" customHeight="1" x14ac:dyDescent="0.75"/>
    <row r="564" ht="14.25" customHeight="1" x14ac:dyDescent="0.75"/>
    <row r="565" ht="14.25" customHeight="1" x14ac:dyDescent="0.75"/>
    <row r="566" ht="14.25" customHeight="1" x14ac:dyDescent="0.75"/>
    <row r="567" ht="14.25" customHeight="1" x14ac:dyDescent="0.75"/>
    <row r="568" ht="14.25" customHeight="1" x14ac:dyDescent="0.75"/>
    <row r="569" ht="14.25" customHeight="1" x14ac:dyDescent="0.75"/>
    <row r="570" ht="14.25" customHeight="1" x14ac:dyDescent="0.75"/>
    <row r="571" ht="14.25" customHeight="1" x14ac:dyDescent="0.75"/>
    <row r="572" ht="14.25" customHeight="1" x14ac:dyDescent="0.75"/>
    <row r="573" ht="14.25" customHeight="1" x14ac:dyDescent="0.75"/>
    <row r="574" ht="14.25" customHeight="1" x14ac:dyDescent="0.75"/>
    <row r="575" ht="14.25" customHeight="1" x14ac:dyDescent="0.75"/>
    <row r="576" ht="14.25" customHeight="1" x14ac:dyDescent="0.75"/>
    <row r="577" ht="14.25" customHeight="1" x14ac:dyDescent="0.75"/>
    <row r="578" ht="14.25" customHeight="1" x14ac:dyDescent="0.75"/>
    <row r="579" ht="14.25" customHeight="1" x14ac:dyDescent="0.75"/>
    <row r="580" ht="14.25" customHeight="1" x14ac:dyDescent="0.75"/>
    <row r="581" ht="14.25" customHeight="1" x14ac:dyDescent="0.75"/>
    <row r="582" ht="14.25" customHeight="1" x14ac:dyDescent="0.75"/>
    <row r="583" ht="14.25" customHeight="1" x14ac:dyDescent="0.75"/>
    <row r="584" ht="14.25" customHeight="1" x14ac:dyDescent="0.75"/>
    <row r="585" ht="14.25" customHeight="1" x14ac:dyDescent="0.75"/>
    <row r="586" ht="14.25" customHeight="1" x14ac:dyDescent="0.75"/>
    <row r="587" ht="14.25" customHeight="1" x14ac:dyDescent="0.75"/>
    <row r="588" ht="14.25" customHeight="1" x14ac:dyDescent="0.75"/>
    <row r="589" ht="14.25" customHeight="1" x14ac:dyDescent="0.75"/>
    <row r="590" ht="14.25" customHeight="1" x14ac:dyDescent="0.75"/>
    <row r="591" ht="14.25" customHeight="1" x14ac:dyDescent="0.75"/>
    <row r="592" ht="14.25" customHeight="1" x14ac:dyDescent="0.75"/>
    <row r="593" ht="14.25" customHeight="1" x14ac:dyDescent="0.75"/>
    <row r="594" ht="14.25" customHeight="1" x14ac:dyDescent="0.75"/>
    <row r="595" ht="14.25" customHeight="1" x14ac:dyDescent="0.75"/>
    <row r="596" ht="14.25" customHeight="1" x14ac:dyDescent="0.75"/>
    <row r="597" ht="14.25" customHeight="1" x14ac:dyDescent="0.75"/>
    <row r="598" ht="14.25" customHeight="1" x14ac:dyDescent="0.75"/>
    <row r="599" ht="14.25" customHeight="1" x14ac:dyDescent="0.75"/>
    <row r="600" ht="14.25" customHeight="1" x14ac:dyDescent="0.75"/>
    <row r="601" ht="14.25" customHeight="1" x14ac:dyDescent="0.75"/>
    <row r="602" ht="14.25" customHeight="1" x14ac:dyDescent="0.75"/>
    <row r="603" ht="14.25" customHeight="1" x14ac:dyDescent="0.75"/>
    <row r="604" ht="14.25" customHeight="1" x14ac:dyDescent="0.75"/>
    <row r="605" ht="14.25" customHeight="1" x14ac:dyDescent="0.75"/>
    <row r="606" ht="14.25" customHeight="1" x14ac:dyDescent="0.75"/>
    <row r="607" ht="14.25" customHeight="1" x14ac:dyDescent="0.75"/>
    <row r="608" ht="14.25" customHeight="1" x14ac:dyDescent="0.75"/>
    <row r="609" ht="14.25" customHeight="1" x14ac:dyDescent="0.75"/>
    <row r="610" ht="14.25" customHeight="1" x14ac:dyDescent="0.75"/>
    <row r="611" ht="14.25" customHeight="1" x14ac:dyDescent="0.75"/>
    <row r="612" ht="14.25" customHeight="1" x14ac:dyDescent="0.75"/>
    <row r="613" ht="14.25" customHeight="1" x14ac:dyDescent="0.75"/>
    <row r="614" ht="14.25" customHeight="1" x14ac:dyDescent="0.75"/>
    <row r="615" ht="14.25" customHeight="1" x14ac:dyDescent="0.75"/>
    <row r="616" ht="14.25" customHeight="1" x14ac:dyDescent="0.75"/>
    <row r="617" ht="14.25" customHeight="1" x14ac:dyDescent="0.75"/>
    <row r="618" ht="14.25" customHeight="1" x14ac:dyDescent="0.75"/>
    <row r="619" ht="14.25" customHeight="1" x14ac:dyDescent="0.75"/>
    <row r="620" ht="14.25" customHeight="1" x14ac:dyDescent="0.75"/>
    <row r="621" ht="14.25" customHeight="1" x14ac:dyDescent="0.75"/>
    <row r="622" ht="14.25" customHeight="1" x14ac:dyDescent="0.75"/>
    <row r="623" ht="14.25" customHeight="1" x14ac:dyDescent="0.75"/>
    <row r="624" ht="14.25" customHeight="1" x14ac:dyDescent="0.75"/>
    <row r="625" ht="14.25" customHeight="1" x14ac:dyDescent="0.75"/>
    <row r="626" ht="14.25" customHeight="1" x14ac:dyDescent="0.75"/>
    <row r="627" ht="14.25" customHeight="1" x14ac:dyDescent="0.75"/>
    <row r="628" ht="14.25" customHeight="1" x14ac:dyDescent="0.75"/>
    <row r="629" ht="14.25" customHeight="1" x14ac:dyDescent="0.75"/>
    <row r="630" ht="14.25" customHeight="1" x14ac:dyDescent="0.75"/>
    <row r="631" ht="14.25" customHeight="1" x14ac:dyDescent="0.75"/>
    <row r="632" ht="14.25" customHeight="1" x14ac:dyDescent="0.75"/>
    <row r="633" ht="14.25" customHeight="1" x14ac:dyDescent="0.75"/>
    <row r="634" ht="14.25" customHeight="1" x14ac:dyDescent="0.75"/>
    <row r="635" ht="14.25" customHeight="1" x14ac:dyDescent="0.75"/>
    <row r="636" ht="14.25" customHeight="1" x14ac:dyDescent="0.75"/>
    <row r="637" ht="14.25" customHeight="1" x14ac:dyDescent="0.75"/>
    <row r="638" ht="14.25" customHeight="1" x14ac:dyDescent="0.75"/>
    <row r="639" ht="14.25" customHeight="1" x14ac:dyDescent="0.75"/>
    <row r="640" ht="14.25" customHeight="1" x14ac:dyDescent="0.75"/>
    <row r="641" ht="14.25" customHeight="1" x14ac:dyDescent="0.75"/>
    <row r="642" ht="14.25" customHeight="1" x14ac:dyDescent="0.75"/>
    <row r="643" ht="14.25" customHeight="1" x14ac:dyDescent="0.75"/>
    <row r="644" ht="14.25" customHeight="1" x14ac:dyDescent="0.75"/>
    <row r="645" ht="14.25" customHeight="1" x14ac:dyDescent="0.75"/>
    <row r="646" ht="14.25" customHeight="1" x14ac:dyDescent="0.75"/>
    <row r="647" ht="14.25" customHeight="1" x14ac:dyDescent="0.75"/>
    <row r="648" ht="14.25" customHeight="1" x14ac:dyDescent="0.75"/>
    <row r="649" ht="14.25" customHeight="1" x14ac:dyDescent="0.75"/>
    <row r="650" ht="14.25" customHeight="1" x14ac:dyDescent="0.75"/>
    <row r="651" ht="14.25" customHeight="1" x14ac:dyDescent="0.75"/>
    <row r="652" ht="14.25" customHeight="1" x14ac:dyDescent="0.75"/>
    <row r="653" ht="14.25" customHeight="1" x14ac:dyDescent="0.75"/>
    <row r="654" ht="14.25" customHeight="1" x14ac:dyDescent="0.75"/>
    <row r="655" ht="14.25" customHeight="1" x14ac:dyDescent="0.75"/>
    <row r="656" ht="14.25" customHeight="1" x14ac:dyDescent="0.75"/>
    <row r="657" ht="14.25" customHeight="1" x14ac:dyDescent="0.75"/>
    <row r="658" ht="14.25" customHeight="1" x14ac:dyDescent="0.75"/>
    <row r="659" ht="14.25" customHeight="1" x14ac:dyDescent="0.75"/>
    <row r="660" ht="14.25" customHeight="1" x14ac:dyDescent="0.75"/>
    <row r="661" ht="14.25" customHeight="1" x14ac:dyDescent="0.75"/>
    <row r="662" ht="14.25" customHeight="1" x14ac:dyDescent="0.75"/>
    <row r="663" ht="14.25" customHeight="1" x14ac:dyDescent="0.75"/>
    <row r="664" ht="14.25" customHeight="1" x14ac:dyDescent="0.75"/>
    <row r="665" ht="14.25" customHeight="1" x14ac:dyDescent="0.75"/>
    <row r="666" ht="14.25" customHeight="1" x14ac:dyDescent="0.75"/>
    <row r="667" ht="14.25" customHeight="1" x14ac:dyDescent="0.75"/>
    <row r="668" ht="14.25" customHeight="1" x14ac:dyDescent="0.75"/>
    <row r="669" ht="14.25" customHeight="1" x14ac:dyDescent="0.75"/>
    <row r="670" ht="14.25" customHeight="1" x14ac:dyDescent="0.75"/>
    <row r="671" ht="14.25" customHeight="1" x14ac:dyDescent="0.75"/>
    <row r="672" ht="14.25" customHeight="1" x14ac:dyDescent="0.75"/>
    <row r="673" ht="14.25" customHeight="1" x14ac:dyDescent="0.75"/>
    <row r="674" ht="14.25" customHeight="1" x14ac:dyDescent="0.75"/>
    <row r="675" ht="14.25" customHeight="1" x14ac:dyDescent="0.75"/>
    <row r="676" ht="14.25" customHeight="1" x14ac:dyDescent="0.75"/>
    <row r="677" ht="14.25" customHeight="1" x14ac:dyDescent="0.75"/>
    <row r="678" ht="14.25" customHeight="1" x14ac:dyDescent="0.75"/>
    <row r="679" ht="14.25" customHeight="1" x14ac:dyDescent="0.75"/>
    <row r="680" ht="14.25" customHeight="1" x14ac:dyDescent="0.75"/>
    <row r="681" ht="14.25" customHeight="1" x14ac:dyDescent="0.75"/>
    <row r="682" ht="14.25" customHeight="1" x14ac:dyDescent="0.75"/>
    <row r="683" ht="14.25" customHeight="1" x14ac:dyDescent="0.75"/>
    <row r="684" ht="14.25" customHeight="1" x14ac:dyDescent="0.75"/>
    <row r="685" ht="14.25" customHeight="1" x14ac:dyDescent="0.75"/>
    <row r="686" ht="14.25" customHeight="1" x14ac:dyDescent="0.75"/>
    <row r="687" ht="14.25" customHeight="1" x14ac:dyDescent="0.75"/>
    <row r="688" ht="14.25" customHeight="1" x14ac:dyDescent="0.75"/>
    <row r="689" ht="14.25" customHeight="1" x14ac:dyDescent="0.75"/>
    <row r="690" ht="14.25" customHeight="1" x14ac:dyDescent="0.75"/>
    <row r="691" ht="14.25" customHeight="1" x14ac:dyDescent="0.75"/>
    <row r="692" ht="14.25" customHeight="1" x14ac:dyDescent="0.75"/>
    <row r="693" ht="14.25" customHeight="1" x14ac:dyDescent="0.75"/>
    <row r="694" ht="14.25" customHeight="1" x14ac:dyDescent="0.75"/>
    <row r="695" ht="14.25" customHeight="1" x14ac:dyDescent="0.75"/>
    <row r="696" ht="14.25" customHeight="1" x14ac:dyDescent="0.75"/>
    <row r="697" ht="14.25" customHeight="1" x14ac:dyDescent="0.75"/>
    <row r="698" ht="14.25" customHeight="1" x14ac:dyDescent="0.75"/>
    <row r="699" ht="14.25" customHeight="1" x14ac:dyDescent="0.75"/>
    <row r="700" ht="14.25" customHeight="1" x14ac:dyDescent="0.75"/>
    <row r="701" ht="14.25" customHeight="1" x14ac:dyDescent="0.75"/>
    <row r="702" ht="14.25" customHeight="1" x14ac:dyDescent="0.75"/>
    <row r="703" ht="14.25" customHeight="1" x14ac:dyDescent="0.75"/>
    <row r="704" ht="14.25" customHeight="1" x14ac:dyDescent="0.75"/>
    <row r="705" ht="14.25" customHeight="1" x14ac:dyDescent="0.75"/>
    <row r="706" ht="14.25" customHeight="1" x14ac:dyDescent="0.75"/>
    <row r="707" ht="14.25" customHeight="1" x14ac:dyDescent="0.75"/>
    <row r="708" ht="14.25" customHeight="1" x14ac:dyDescent="0.75"/>
    <row r="709" ht="14.25" customHeight="1" x14ac:dyDescent="0.75"/>
    <row r="710" ht="14.25" customHeight="1" x14ac:dyDescent="0.75"/>
    <row r="711" ht="14.25" customHeight="1" x14ac:dyDescent="0.75"/>
    <row r="712" ht="14.25" customHeight="1" x14ac:dyDescent="0.75"/>
    <row r="713" ht="14.25" customHeight="1" x14ac:dyDescent="0.75"/>
    <row r="714" ht="14.25" customHeight="1" x14ac:dyDescent="0.75"/>
    <row r="715" ht="14.25" customHeight="1" x14ac:dyDescent="0.75"/>
    <row r="716" ht="14.25" customHeight="1" x14ac:dyDescent="0.75"/>
    <row r="717" ht="14.25" customHeight="1" x14ac:dyDescent="0.75"/>
    <row r="718" ht="14.25" customHeight="1" x14ac:dyDescent="0.75"/>
    <row r="719" ht="14.25" customHeight="1" x14ac:dyDescent="0.75"/>
    <row r="720" ht="14.25" customHeight="1" x14ac:dyDescent="0.75"/>
    <row r="721" ht="14.25" customHeight="1" x14ac:dyDescent="0.75"/>
    <row r="722" ht="14.25" customHeight="1" x14ac:dyDescent="0.75"/>
    <row r="723" ht="14.25" customHeight="1" x14ac:dyDescent="0.75"/>
    <row r="724" ht="14.25" customHeight="1" x14ac:dyDescent="0.75"/>
    <row r="725" ht="14.25" customHeight="1" x14ac:dyDescent="0.75"/>
    <row r="726" ht="14.25" customHeight="1" x14ac:dyDescent="0.75"/>
    <row r="727" ht="14.25" customHeight="1" x14ac:dyDescent="0.75"/>
    <row r="728" ht="14.25" customHeight="1" x14ac:dyDescent="0.75"/>
    <row r="729" ht="14.25" customHeight="1" x14ac:dyDescent="0.75"/>
    <row r="730" ht="14.25" customHeight="1" x14ac:dyDescent="0.75"/>
    <row r="731" ht="14.25" customHeight="1" x14ac:dyDescent="0.75"/>
    <row r="732" ht="14.25" customHeight="1" x14ac:dyDescent="0.75"/>
    <row r="733" ht="14.25" customHeight="1" x14ac:dyDescent="0.75"/>
    <row r="734" ht="14.25" customHeight="1" x14ac:dyDescent="0.75"/>
    <row r="735" ht="14.25" customHeight="1" x14ac:dyDescent="0.75"/>
    <row r="736" ht="14.25" customHeight="1" x14ac:dyDescent="0.75"/>
    <row r="737" ht="14.25" customHeight="1" x14ac:dyDescent="0.75"/>
    <row r="738" ht="14.25" customHeight="1" x14ac:dyDescent="0.75"/>
    <row r="739" ht="14.25" customHeight="1" x14ac:dyDescent="0.75"/>
    <row r="740" ht="14.25" customHeight="1" x14ac:dyDescent="0.75"/>
    <row r="741" ht="14.25" customHeight="1" x14ac:dyDescent="0.75"/>
    <row r="742" ht="14.25" customHeight="1" x14ac:dyDescent="0.75"/>
    <row r="743" ht="14.25" customHeight="1" x14ac:dyDescent="0.75"/>
    <row r="744" ht="14.25" customHeight="1" x14ac:dyDescent="0.75"/>
    <row r="745" ht="14.25" customHeight="1" x14ac:dyDescent="0.75"/>
    <row r="746" ht="14.25" customHeight="1" x14ac:dyDescent="0.75"/>
    <row r="747" ht="14.25" customHeight="1" x14ac:dyDescent="0.75"/>
    <row r="748" ht="14.25" customHeight="1" x14ac:dyDescent="0.75"/>
    <row r="749" ht="14.25" customHeight="1" x14ac:dyDescent="0.75"/>
    <row r="750" ht="14.25" customHeight="1" x14ac:dyDescent="0.75"/>
    <row r="751" ht="14.25" customHeight="1" x14ac:dyDescent="0.75"/>
    <row r="752" ht="14.25" customHeight="1" x14ac:dyDescent="0.75"/>
    <row r="753" ht="14.25" customHeight="1" x14ac:dyDescent="0.75"/>
    <row r="754" ht="14.25" customHeight="1" x14ac:dyDescent="0.75"/>
    <row r="755" ht="14.25" customHeight="1" x14ac:dyDescent="0.75"/>
    <row r="756" ht="14.25" customHeight="1" x14ac:dyDescent="0.75"/>
    <row r="757" ht="14.25" customHeight="1" x14ac:dyDescent="0.75"/>
    <row r="758" ht="14.25" customHeight="1" x14ac:dyDescent="0.75"/>
    <row r="759" ht="14.25" customHeight="1" x14ac:dyDescent="0.75"/>
    <row r="760" ht="14.25" customHeight="1" x14ac:dyDescent="0.75"/>
    <row r="761" ht="14.25" customHeight="1" x14ac:dyDescent="0.75"/>
    <row r="762" ht="14.25" customHeight="1" x14ac:dyDescent="0.75"/>
    <row r="763" ht="14.25" customHeight="1" x14ac:dyDescent="0.75"/>
    <row r="764" ht="14.25" customHeight="1" x14ac:dyDescent="0.75"/>
    <row r="765" ht="14.25" customHeight="1" x14ac:dyDescent="0.75"/>
    <row r="766" ht="14.25" customHeight="1" x14ac:dyDescent="0.75"/>
    <row r="767" ht="14.25" customHeight="1" x14ac:dyDescent="0.75"/>
    <row r="768" ht="14.25" customHeight="1" x14ac:dyDescent="0.75"/>
    <row r="769" ht="14.25" customHeight="1" x14ac:dyDescent="0.75"/>
    <row r="770" ht="14.25" customHeight="1" x14ac:dyDescent="0.75"/>
    <row r="771" ht="14.25" customHeight="1" x14ac:dyDescent="0.75"/>
    <row r="772" ht="14.25" customHeight="1" x14ac:dyDescent="0.75"/>
    <row r="773" ht="14.25" customHeight="1" x14ac:dyDescent="0.75"/>
    <row r="774" ht="14.25" customHeight="1" x14ac:dyDescent="0.75"/>
    <row r="775" ht="14.25" customHeight="1" x14ac:dyDescent="0.75"/>
    <row r="776" ht="14.25" customHeight="1" x14ac:dyDescent="0.75"/>
    <row r="777" ht="14.25" customHeight="1" x14ac:dyDescent="0.75"/>
    <row r="778" ht="14.25" customHeight="1" x14ac:dyDescent="0.75"/>
    <row r="779" ht="14.25" customHeight="1" x14ac:dyDescent="0.75"/>
    <row r="780" ht="14.25" customHeight="1" x14ac:dyDescent="0.75"/>
    <row r="781" ht="14.25" customHeight="1" x14ac:dyDescent="0.75"/>
    <row r="782" ht="14.25" customHeight="1" x14ac:dyDescent="0.75"/>
    <row r="783" ht="14.25" customHeight="1" x14ac:dyDescent="0.75"/>
    <row r="784" ht="14.25" customHeight="1" x14ac:dyDescent="0.75"/>
    <row r="785" ht="14.25" customHeight="1" x14ac:dyDescent="0.75"/>
    <row r="786" ht="14.25" customHeight="1" x14ac:dyDescent="0.75"/>
    <row r="787" ht="14.25" customHeight="1" x14ac:dyDescent="0.75"/>
    <row r="788" ht="14.25" customHeight="1" x14ac:dyDescent="0.75"/>
    <row r="789" ht="14.25" customHeight="1" x14ac:dyDescent="0.75"/>
    <row r="790" ht="14.25" customHeight="1" x14ac:dyDescent="0.75"/>
    <row r="791" ht="14.25" customHeight="1" x14ac:dyDescent="0.75"/>
    <row r="792" ht="14.25" customHeight="1" x14ac:dyDescent="0.75"/>
    <row r="793" ht="14.25" customHeight="1" x14ac:dyDescent="0.75"/>
    <row r="794" ht="14.25" customHeight="1" x14ac:dyDescent="0.75"/>
    <row r="795" ht="14.25" customHeight="1" x14ac:dyDescent="0.75"/>
    <row r="796" ht="14.25" customHeight="1" x14ac:dyDescent="0.75"/>
    <row r="797" ht="14.25" customHeight="1" x14ac:dyDescent="0.75"/>
    <row r="798" ht="14.25" customHeight="1" x14ac:dyDescent="0.75"/>
    <row r="799" ht="14.25" customHeight="1" x14ac:dyDescent="0.75"/>
    <row r="800" ht="14.25" customHeight="1" x14ac:dyDescent="0.75"/>
    <row r="801" ht="14.25" customHeight="1" x14ac:dyDescent="0.75"/>
    <row r="802" ht="14.25" customHeight="1" x14ac:dyDescent="0.75"/>
    <row r="803" ht="14.25" customHeight="1" x14ac:dyDescent="0.75"/>
    <row r="804" ht="14.25" customHeight="1" x14ac:dyDescent="0.75"/>
    <row r="805" ht="14.25" customHeight="1" x14ac:dyDescent="0.75"/>
    <row r="806" ht="14.25" customHeight="1" x14ac:dyDescent="0.75"/>
    <row r="807" ht="14.25" customHeight="1" x14ac:dyDescent="0.75"/>
    <row r="808" ht="14.25" customHeight="1" x14ac:dyDescent="0.75"/>
    <row r="809" ht="14.25" customHeight="1" x14ac:dyDescent="0.75"/>
    <row r="810" ht="14.25" customHeight="1" x14ac:dyDescent="0.75"/>
    <row r="811" ht="14.25" customHeight="1" x14ac:dyDescent="0.75"/>
    <row r="812" ht="14.25" customHeight="1" x14ac:dyDescent="0.75"/>
    <row r="813" ht="14.25" customHeight="1" x14ac:dyDescent="0.75"/>
    <row r="814" ht="14.25" customHeight="1" x14ac:dyDescent="0.75"/>
    <row r="815" ht="14.25" customHeight="1" x14ac:dyDescent="0.75"/>
    <row r="816" ht="14.25" customHeight="1" x14ac:dyDescent="0.75"/>
    <row r="817" ht="14.25" customHeight="1" x14ac:dyDescent="0.75"/>
    <row r="818" ht="14.25" customHeight="1" x14ac:dyDescent="0.75"/>
    <row r="819" ht="14.25" customHeight="1" x14ac:dyDescent="0.75"/>
    <row r="820" ht="14.25" customHeight="1" x14ac:dyDescent="0.75"/>
    <row r="821" ht="14.25" customHeight="1" x14ac:dyDescent="0.75"/>
    <row r="822" ht="14.25" customHeight="1" x14ac:dyDescent="0.75"/>
    <row r="823" ht="14.25" customHeight="1" x14ac:dyDescent="0.75"/>
    <row r="824" ht="14.25" customHeight="1" x14ac:dyDescent="0.75"/>
    <row r="825" ht="14.25" customHeight="1" x14ac:dyDescent="0.75"/>
    <row r="826" ht="14.25" customHeight="1" x14ac:dyDescent="0.75"/>
    <row r="827" ht="14.25" customHeight="1" x14ac:dyDescent="0.75"/>
    <row r="828" ht="14.25" customHeight="1" x14ac:dyDescent="0.75"/>
    <row r="829" ht="14.25" customHeight="1" x14ac:dyDescent="0.75"/>
    <row r="830" ht="14.25" customHeight="1" x14ac:dyDescent="0.75"/>
    <row r="831" ht="14.25" customHeight="1" x14ac:dyDescent="0.75"/>
    <row r="832" ht="14.25" customHeight="1" x14ac:dyDescent="0.75"/>
    <row r="833" ht="14.25" customHeight="1" x14ac:dyDescent="0.75"/>
    <row r="834" ht="14.25" customHeight="1" x14ac:dyDescent="0.75"/>
    <row r="835" ht="14.25" customHeight="1" x14ac:dyDescent="0.75"/>
    <row r="836" ht="14.25" customHeight="1" x14ac:dyDescent="0.75"/>
    <row r="837" ht="14.25" customHeight="1" x14ac:dyDescent="0.75"/>
    <row r="838" ht="14.25" customHeight="1" x14ac:dyDescent="0.75"/>
    <row r="839" ht="14.25" customHeight="1" x14ac:dyDescent="0.75"/>
    <row r="840" ht="14.25" customHeight="1" x14ac:dyDescent="0.75"/>
    <row r="841" ht="14.25" customHeight="1" x14ac:dyDescent="0.75"/>
    <row r="842" ht="14.25" customHeight="1" x14ac:dyDescent="0.75"/>
    <row r="843" ht="14.25" customHeight="1" x14ac:dyDescent="0.75"/>
    <row r="844" ht="14.25" customHeight="1" x14ac:dyDescent="0.75"/>
    <row r="845" ht="14.25" customHeight="1" x14ac:dyDescent="0.75"/>
    <row r="846" ht="14.25" customHeight="1" x14ac:dyDescent="0.75"/>
    <row r="847" ht="14.25" customHeight="1" x14ac:dyDescent="0.75"/>
    <row r="848" ht="14.25" customHeight="1" x14ac:dyDescent="0.75"/>
    <row r="849" ht="14.25" customHeight="1" x14ac:dyDescent="0.75"/>
    <row r="850" ht="14.25" customHeight="1" x14ac:dyDescent="0.75"/>
    <row r="851" ht="14.25" customHeight="1" x14ac:dyDescent="0.75"/>
    <row r="852" ht="14.25" customHeight="1" x14ac:dyDescent="0.75"/>
    <row r="853" ht="14.25" customHeight="1" x14ac:dyDescent="0.75"/>
    <row r="854" ht="14.25" customHeight="1" x14ac:dyDescent="0.75"/>
    <row r="855" ht="14.25" customHeight="1" x14ac:dyDescent="0.75"/>
    <row r="856" ht="14.25" customHeight="1" x14ac:dyDescent="0.75"/>
    <row r="857" ht="14.25" customHeight="1" x14ac:dyDescent="0.75"/>
    <row r="858" ht="14.25" customHeight="1" x14ac:dyDescent="0.75"/>
    <row r="859" ht="14.25" customHeight="1" x14ac:dyDescent="0.75"/>
    <row r="860" ht="14.25" customHeight="1" x14ac:dyDescent="0.75"/>
    <row r="861" ht="14.25" customHeight="1" x14ac:dyDescent="0.75"/>
    <row r="862" ht="14.25" customHeight="1" x14ac:dyDescent="0.75"/>
    <row r="863" ht="14.25" customHeight="1" x14ac:dyDescent="0.75"/>
    <row r="864" ht="14.25" customHeight="1" x14ac:dyDescent="0.75"/>
    <row r="865" ht="14.25" customHeight="1" x14ac:dyDescent="0.75"/>
    <row r="866" ht="14.25" customHeight="1" x14ac:dyDescent="0.75"/>
    <row r="867" ht="14.25" customHeight="1" x14ac:dyDescent="0.75"/>
    <row r="868" ht="14.25" customHeight="1" x14ac:dyDescent="0.75"/>
    <row r="869" ht="14.25" customHeight="1" x14ac:dyDescent="0.75"/>
    <row r="870" ht="14.25" customHeight="1" x14ac:dyDescent="0.75"/>
    <row r="871" ht="14.25" customHeight="1" x14ac:dyDescent="0.75"/>
    <row r="872" ht="14.25" customHeight="1" x14ac:dyDescent="0.75"/>
    <row r="873" ht="14.25" customHeight="1" x14ac:dyDescent="0.75"/>
    <row r="874" ht="14.25" customHeight="1" x14ac:dyDescent="0.75"/>
    <row r="875" ht="14.25" customHeight="1" x14ac:dyDescent="0.75"/>
    <row r="876" ht="14.25" customHeight="1" x14ac:dyDescent="0.75"/>
    <row r="877" ht="14.25" customHeight="1" x14ac:dyDescent="0.75"/>
    <row r="878" ht="14.25" customHeight="1" x14ac:dyDescent="0.75"/>
    <row r="879" ht="14.25" customHeight="1" x14ac:dyDescent="0.75"/>
    <row r="880" ht="14.25" customHeight="1" x14ac:dyDescent="0.75"/>
    <row r="881" ht="14.25" customHeight="1" x14ac:dyDescent="0.75"/>
    <row r="882" ht="14.25" customHeight="1" x14ac:dyDescent="0.75"/>
    <row r="883" ht="14.25" customHeight="1" x14ac:dyDescent="0.75"/>
    <row r="884" ht="14.25" customHeight="1" x14ac:dyDescent="0.75"/>
    <row r="885" ht="14.25" customHeight="1" x14ac:dyDescent="0.75"/>
    <row r="886" ht="14.25" customHeight="1" x14ac:dyDescent="0.75"/>
    <row r="887" ht="14.25" customHeight="1" x14ac:dyDescent="0.75"/>
    <row r="888" ht="14.25" customHeight="1" x14ac:dyDescent="0.75"/>
    <row r="889" ht="14.25" customHeight="1" x14ac:dyDescent="0.75"/>
    <row r="890" ht="14.25" customHeight="1" x14ac:dyDescent="0.75"/>
    <row r="891" ht="14.25" customHeight="1" x14ac:dyDescent="0.75"/>
    <row r="892" ht="14.25" customHeight="1" x14ac:dyDescent="0.75"/>
    <row r="893" ht="14.25" customHeight="1" x14ac:dyDescent="0.75"/>
    <row r="894" ht="14.25" customHeight="1" x14ac:dyDescent="0.75"/>
    <row r="895" ht="14.25" customHeight="1" x14ac:dyDescent="0.75"/>
    <row r="896" ht="14.25" customHeight="1" x14ac:dyDescent="0.75"/>
    <row r="897" ht="14.25" customHeight="1" x14ac:dyDescent="0.75"/>
    <row r="898" ht="14.25" customHeight="1" x14ac:dyDescent="0.75"/>
    <row r="899" ht="14.25" customHeight="1" x14ac:dyDescent="0.75"/>
    <row r="900" ht="14.25" customHeight="1" x14ac:dyDescent="0.75"/>
    <row r="901" ht="14.25" customHeight="1" x14ac:dyDescent="0.75"/>
    <row r="902" ht="14.25" customHeight="1" x14ac:dyDescent="0.75"/>
    <row r="903" ht="14.25" customHeight="1" x14ac:dyDescent="0.75"/>
    <row r="904" ht="14.25" customHeight="1" x14ac:dyDescent="0.75"/>
    <row r="905" ht="14.25" customHeight="1" x14ac:dyDescent="0.75"/>
    <row r="906" ht="14.25" customHeight="1" x14ac:dyDescent="0.75"/>
    <row r="907" ht="14.25" customHeight="1" x14ac:dyDescent="0.75"/>
    <row r="908" ht="14.25" customHeight="1" x14ac:dyDescent="0.75"/>
    <row r="909" ht="14.25" customHeight="1" x14ac:dyDescent="0.75"/>
    <row r="910" ht="14.25" customHeight="1" x14ac:dyDescent="0.75"/>
    <row r="911" ht="14.25" customHeight="1" x14ac:dyDescent="0.75"/>
    <row r="912" ht="14.25" customHeight="1" x14ac:dyDescent="0.75"/>
    <row r="913" ht="14.25" customHeight="1" x14ac:dyDescent="0.75"/>
    <row r="914" ht="14.25" customHeight="1" x14ac:dyDescent="0.75"/>
    <row r="915" ht="14.25" customHeight="1" x14ac:dyDescent="0.75"/>
    <row r="916" ht="14.25" customHeight="1" x14ac:dyDescent="0.75"/>
    <row r="917" ht="14.25" customHeight="1" x14ac:dyDescent="0.75"/>
    <row r="918" ht="14.25" customHeight="1" x14ac:dyDescent="0.75"/>
    <row r="919" ht="14.25" customHeight="1" x14ac:dyDescent="0.75"/>
    <row r="920" ht="14.25" customHeight="1" x14ac:dyDescent="0.75"/>
    <row r="921" ht="14.25" customHeight="1" x14ac:dyDescent="0.75"/>
    <row r="922" ht="14.25" customHeight="1" x14ac:dyDescent="0.75"/>
    <row r="923" ht="14.25" customHeight="1" x14ac:dyDescent="0.75"/>
    <row r="924" ht="14.25" customHeight="1" x14ac:dyDescent="0.75"/>
    <row r="925" ht="14.25" customHeight="1" x14ac:dyDescent="0.75"/>
    <row r="926" ht="14.25" customHeight="1" x14ac:dyDescent="0.75"/>
    <row r="927" ht="14.25" customHeight="1" x14ac:dyDescent="0.75"/>
    <row r="928" ht="14.25" customHeight="1" x14ac:dyDescent="0.75"/>
    <row r="929" ht="14.25" customHeight="1" x14ac:dyDescent="0.75"/>
    <row r="930" ht="14.25" customHeight="1" x14ac:dyDescent="0.75"/>
    <row r="931" ht="14.25" customHeight="1" x14ac:dyDescent="0.75"/>
    <row r="932" ht="14.25" customHeight="1" x14ac:dyDescent="0.75"/>
    <row r="933" ht="14.25" customHeight="1" x14ac:dyDescent="0.75"/>
    <row r="934" ht="14.25" customHeight="1" x14ac:dyDescent="0.75"/>
    <row r="935" ht="14.25" customHeight="1" x14ac:dyDescent="0.75"/>
    <row r="936" ht="14.25" customHeight="1" x14ac:dyDescent="0.75"/>
    <row r="937" ht="14.25" customHeight="1" x14ac:dyDescent="0.75"/>
    <row r="938" ht="14.25" customHeight="1" x14ac:dyDescent="0.75"/>
    <row r="939" ht="14.25" customHeight="1" x14ac:dyDescent="0.75"/>
    <row r="940" ht="14.25" customHeight="1" x14ac:dyDescent="0.75"/>
    <row r="941" ht="14.25" customHeight="1" x14ac:dyDescent="0.75"/>
    <row r="942" ht="14.25" customHeight="1" x14ac:dyDescent="0.75"/>
    <row r="943" ht="14.25" customHeight="1" x14ac:dyDescent="0.75"/>
    <row r="944" ht="14.25" customHeight="1" x14ac:dyDescent="0.75"/>
    <row r="945" ht="14.25" customHeight="1" x14ac:dyDescent="0.75"/>
    <row r="946" ht="14.25" customHeight="1" x14ac:dyDescent="0.75"/>
    <row r="947" ht="14.25" customHeight="1" x14ac:dyDescent="0.75"/>
    <row r="948" ht="14.25" customHeight="1" x14ac:dyDescent="0.75"/>
    <row r="949" ht="14.25" customHeight="1" x14ac:dyDescent="0.75"/>
    <row r="950" ht="14.25" customHeight="1" x14ac:dyDescent="0.75"/>
    <row r="951" ht="14.25" customHeight="1" x14ac:dyDescent="0.75"/>
    <row r="952" ht="14.25" customHeight="1" x14ac:dyDescent="0.75"/>
    <row r="953" ht="14.25" customHeight="1" x14ac:dyDescent="0.75"/>
    <row r="954" ht="14.25" customHeight="1" x14ac:dyDescent="0.75"/>
    <row r="955" ht="14.25" customHeight="1" x14ac:dyDescent="0.75"/>
    <row r="956" ht="14.25" customHeight="1" x14ac:dyDescent="0.75"/>
    <row r="957" ht="14.25" customHeight="1" x14ac:dyDescent="0.75"/>
    <row r="958" ht="14.25" customHeight="1" x14ac:dyDescent="0.75"/>
    <row r="959" ht="14.25" customHeight="1" x14ac:dyDescent="0.75"/>
    <row r="960" ht="14.25" customHeight="1" x14ac:dyDescent="0.75"/>
    <row r="961" ht="14.25" customHeight="1" x14ac:dyDescent="0.75"/>
    <row r="962" ht="14.25" customHeight="1" x14ac:dyDescent="0.75"/>
    <row r="963" ht="14.25" customHeight="1" x14ac:dyDescent="0.75"/>
    <row r="964" ht="14.25" customHeight="1" x14ac:dyDescent="0.75"/>
    <row r="965" ht="14.25" customHeight="1" x14ac:dyDescent="0.75"/>
    <row r="966" ht="14.25" customHeight="1" x14ac:dyDescent="0.75"/>
    <row r="967" ht="14.25" customHeight="1" x14ac:dyDescent="0.75"/>
    <row r="968" ht="14.25" customHeight="1" x14ac:dyDescent="0.75"/>
    <row r="969" ht="14.25" customHeight="1" x14ac:dyDescent="0.75"/>
    <row r="970" ht="14.25" customHeight="1" x14ac:dyDescent="0.75"/>
    <row r="971" ht="14.25" customHeight="1" x14ac:dyDescent="0.75"/>
    <row r="972" ht="14.25" customHeight="1" x14ac:dyDescent="0.75"/>
    <row r="973" ht="14.25" customHeight="1" x14ac:dyDescent="0.75"/>
    <row r="974" ht="14.25" customHeight="1" x14ac:dyDescent="0.75"/>
    <row r="975" ht="14.25" customHeight="1" x14ac:dyDescent="0.75"/>
    <row r="976" ht="14.25" customHeight="1" x14ac:dyDescent="0.75"/>
    <row r="977" ht="14.25" customHeight="1" x14ac:dyDescent="0.75"/>
    <row r="978" ht="14.25" customHeight="1" x14ac:dyDescent="0.75"/>
    <row r="979" ht="14.25" customHeight="1" x14ac:dyDescent="0.75"/>
    <row r="980" ht="14.25" customHeight="1" x14ac:dyDescent="0.75"/>
    <row r="981" ht="14.25" customHeight="1" x14ac:dyDescent="0.75"/>
    <row r="982" ht="14.25" customHeight="1" x14ac:dyDescent="0.75"/>
    <row r="983" ht="14.25" customHeight="1" x14ac:dyDescent="0.75"/>
    <row r="984" ht="14.25" customHeight="1" x14ac:dyDescent="0.75"/>
    <row r="985" ht="14.25" customHeight="1" x14ac:dyDescent="0.75"/>
    <row r="986" ht="14.25" customHeight="1" x14ac:dyDescent="0.75"/>
    <row r="987" ht="14.25" customHeight="1" x14ac:dyDescent="0.75"/>
    <row r="988" ht="14.25" customHeight="1" x14ac:dyDescent="0.75"/>
    <row r="989" ht="14.25" customHeight="1" x14ac:dyDescent="0.75"/>
    <row r="990" ht="14.25" customHeight="1" x14ac:dyDescent="0.75"/>
    <row r="991" ht="14.25" customHeight="1" x14ac:dyDescent="0.75"/>
    <row r="992" ht="14.25" customHeight="1" x14ac:dyDescent="0.75"/>
    <row r="993" ht="14.25" customHeight="1" x14ac:dyDescent="0.75"/>
    <row r="994" ht="14.25" customHeight="1" x14ac:dyDescent="0.75"/>
    <row r="995" ht="14.25" customHeight="1" x14ac:dyDescent="0.75"/>
    <row r="996" ht="14.25" customHeight="1" x14ac:dyDescent="0.75"/>
    <row r="997" ht="14.25" customHeight="1" x14ac:dyDescent="0.75"/>
    <row r="998" ht="14.25" customHeight="1" x14ac:dyDescent="0.75"/>
    <row r="999" ht="14.25" customHeight="1" x14ac:dyDescent="0.75"/>
    <row r="1000" ht="14.25" customHeight="1" x14ac:dyDescent="0.75"/>
  </sheetData>
  <mergeCells count="6">
    <mergeCell ref="B7:I7"/>
    <mergeCell ref="B3:I3"/>
    <mergeCell ref="B4:I4"/>
    <mergeCell ref="B5:C5"/>
    <mergeCell ref="E5:F5"/>
    <mergeCell ref="B6:I6"/>
  </mergeCells>
  <pageMargins left="0.7" right="0.7" top="0.75" bottom="0.75" header="0" footer="0"/>
  <pageSetup orientation="portrait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200-000000000000}">
  <sheetPr>
    <tabColor rgb="FF92D050"/>
  </sheetPr>
  <dimension ref="A1:R1001"/>
  <sheetViews>
    <sheetView workbookViewId="0"/>
  </sheetViews>
  <sheetFormatPr defaultColWidth="14.40625" defaultRowHeight="15" customHeight="1" x14ac:dyDescent="0.75"/>
  <cols>
    <col min="1" max="1" width="6.7265625" customWidth="1"/>
    <col min="2" max="2" width="18.54296875" customWidth="1"/>
    <col min="3" max="3" width="16.7265625" customWidth="1"/>
    <col min="4" max="4" width="19.86328125" customWidth="1"/>
    <col min="5" max="5" width="17.86328125" customWidth="1"/>
    <col min="6" max="6" width="8.7265625" customWidth="1"/>
    <col min="7" max="7" width="9.54296875" customWidth="1"/>
    <col min="8" max="8" width="12.7265625" customWidth="1"/>
    <col min="9" max="9" width="9.40625" customWidth="1"/>
    <col min="10" max="10" width="14.1328125" customWidth="1"/>
    <col min="11" max="12" width="21.86328125" customWidth="1"/>
    <col min="13" max="13" width="31.40625" customWidth="1"/>
    <col min="14" max="16" width="16.40625" customWidth="1"/>
    <col min="17" max="17" width="12.1328125" customWidth="1"/>
    <col min="18" max="18" width="45.54296875" customWidth="1"/>
    <col min="19" max="30" width="8.7265625" customWidth="1"/>
  </cols>
  <sheetData>
    <row r="1" spans="1:18" ht="14.25" customHeight="1" x14ac:dyDescent="0.75"/>
    <row r="2" spans="1:18" ht="14.25" customHeight="1" x14ac:dyDescent="0.75">
      <c r="B2" s="21" t="s">
        <v>0</v>
      </c>
      <c r="C2" s="20"/>
      <c r="D2" s="20"/>
      <c r="E2" s="20"/>
      <c r="F2" s="20"/>
      <c r="G2" s="20"/>
      <c r="H2" s="20"/>
      <c r="I2" s="20"/>
      <c r="J2" s="20"/>
      <c r="K2" s="20"/>
      <c r="L2" s="20"/>
    </row>
    <row r="3" spans="1:18" ht="14.25" customHeight="1" x14ac:dyDescent="0.75">
      <c r="B3" s="21" t="s">
        <v>1</v>
      </c>
      <c r="C3" s="20"/>
      <c r="D3" s="20"/>
      <c r="E3" s="20"/>
      <c r="F3" s="20"/>
      <c r="G3" s="20"/>
      <c r="H3" s="20"/>
      <c r="I3" s="20"/>
      <c r="J3" s="20"/>
      <c r="K3" s="20"/>
      <c r="L3" s="20"/>
    </row>
    <row r="4" spans="1:18" ht="14.25" customHeight="1" x14ac:dyDescent="0.75">
      <c r="B4" s="21" t="s">
        <v>2</v>
      </c>
      <c r="C4" s="20"/>
      <c r="F4" s="2" t="s">
        <v>3</v>
      </c>
      <c r="G4" s="21" t="s">
        <v>4</v>
      </c>
      <c r="H4" s="20"/>
      <c r="I4" s="1"/>
    </row>
    <row r="5" spans="1:18" ht="14.25" customHeight="1" x14ac:dyDescent="0.75">
      <c r="B5" s="21" t="s">
        <v>5</v>
      </c>
      <c r="C5" s="20"/>
      <c r="D5" s="20"/>
      <c r="E5" s="20"/>
      <c r="F5" s="20"/>
      <c r="G5" s="20"/>
      <c r="H5" s="20"/>
      <c r="I5" s="20"/>
      <c r="J5" s="20"/>
      <c r="K5" s="20"/>
      <c r="L5" s="20"/>
    </row>
    <row r="6" spans="1:18" ht="14.25" customHeight="1" x14ac:dyDescent="0.75">
      <c r="B6" s="21" t="s">
        <v>6</v>
      </c>
      <c r="C6" s="20"/>
      <c r="D6" s="20"/>
      <c r="E6" s="20"/>
      <c r="F6" s="20"/>
      <c r="G6" s="20"/>
      <c r="H6" s="20"/>
      <c r="I6" s="20"/>
      <c r="J6" s="20"/>
      <c r="K6" s="20"/>
      <c r="L6" s="20"/>
    </row>
    <row r="7" spans="1:18" ht="14.25" customHeight="1" x14ac:dyDescent="0.75">
      <c r="B7" s="1" t="s">
        <v>7</v>
      </c>
      <c r="C7" s="1"/>
      <c r="D7" s="1"/>
      <c r="E7" s="1"/>
      <c r="F7" s="1"/>
      <c r="G7" s="1"/>
      <c r="H7" s="1"/>
      <c r="I7" s="1"/>
      <c r="J7" s="1"/>
      <c r="K7" s="1"/>
      <c r="L7" s="1"/>
    </row>
    <row r="8" spans="1:18" ht="14.25" customHeight="1" x14ac:dyDescent="0.75">
      <c r="B8" s="1"/>
      <c r="C8" s="1"/>
      <c r="D8" s="1"/>
      <c r="E8" s="1"/>
      <c r="F8" s="1"/>
      <c r="G8" s="1"/>
      <c r="H8" s="1"/>
      <c r="I8" s="1"/>
      <c r="J8" s="1"/>
      <c r="K8" s="1"/>
      <c r="L8" s="1"/>
    </row>
    <row r="9" spans="1:18" ht="14.25" customHeight="1" x14ac:dyDescent="0.75">
      <c r="B9" s="1"/>
      <c r="C9" s="1"/>
      <c r="D9" s="1"/>
      <c r="E9" s="1"/>
      <c r="F9" s="1"/>
      <c r="G9" s="1"/>
      <c r="H9" s="1"/>
      <c r="I9" s="1"/>
      <c r="J9" s="1"/>
      <c r="K9" s="1"/>
      <c r="L9" s="1"/>
    </row>
    <row r="10" spans="1:18" ht="14.25" customHeight="1" x14ac:dyDescent="0.75">
      <c r="B10" s="3" t="s">
        <v>28</v>
      </c>
      <c r="C10" s="1"/>
      <c r="D10" s="4"/>
      <c r="E10" s="4"/>
      <c r="F10" s="4" t="s">
        <v>29</v>
      </c>
      <c r="G10" s="5">
        <v>45362</v>
      </c>
      <c r="H10" s="1"/>
      <c r="I10" s="1"/>
      <c r="J10" s="1"/>
      <c r="K10" s="1"/>
      <c r="L10" s="1"/>
    </row>
    <row r="11" spans="1:18" ht="14.25" customHeight="1" x14ac:dyDescent="0.75"/>
    <row r="12" spans="1:18" ht="14.25" customHeight="1" x14ac:dyDescent="0.75">
      <c r="A12" s="7" t="s">
        <v>8</v>
      </c>
      <c r="B12" s="7" t="s">
        <v>9</v>
      </c>
      <c r="C12" s="7" t="s">
        <v>10</v>
      </c>
      <c r="D12" s="7" t="s">
        <v>30</v>
      </c>
      <c r="E12" s="7" t="s">
        <v>31</v>
      </c>
      <c r="F12" s="7" t="s">
        <v>11</v>
      </c>
      <c r="G12" s="7" t="s">
        <v>12</v>
      </c>
      <c r="H12" s="7" t="s">
        <v>13</v>
      </c>
      <c r="I12" s="7" t="s">
        <v>14</v>
      </c>
      <c r="J12" s="7" t="s">
        <v>15</v>
      </c>
      <c r="K12" s="7" t="s">
        <v>32</v>
      </c>
      <c r="L12" s="7" t="s">
        <v>16</v>
      </c>
      <c r="M12" s="7" t="s">
        <v>17</v>
      </c>
      <c r="N12" s="7" t="s">
        <v>33</v>
      </c>
      <c r="O12" s="7" t="s">
        <v>34</v>
      </c>
      <c r="P12" s="7" t="s">
        <v>23</v>
      </c>
      <c r="Q12" s="7" t="s">
        <v>19</v>
      </c>
      <c r="R12" s="7" t="s">
        <v>35</v>
      </c>
    </row>
    <row r="13" spans="1:18" ht="14.25" customHeight="1" x14ac:dyDescent="0.75">
      <c r="A13" s="1">
        <v>1</v>
      </c>
      <c r="B13" s="11">
        <v>840003235139979</v>
      </c>
      <c r="C13" s="11">
        <v>840003222629668</v>
      </c>
      <c r="D13" s="12">
        <v>64</v>
      </c>
      <c r="E13" s="1"/>
      <c r="F13" s="1" t="s">
        <v>21</v>
      </c>
      <c r="G13" s="1" t="s">
        <v>24</v>
      </c>
      <c r="H13" s="1">
        <v>2021</v>
      </c>
      <c r="I13" s="1">
        <v>3</v>
      </c>
      <c r="J13" s="1" t="s">
        <v>36</v>
      </c>
      <c r="K13" s="13">
        <v>5000</v>
      </c>
      <c r="L13" s="1" t="s">
        <v>37</v>
      </c>
      <c r="M13" s="1"/>
      <c r="N13" s="1"/>
      <c r="O13" s="1"/>
      <c r="P13" s="1">
        <v>0</v>
      </c>
      <c r="Q13" s="1" t="s">
        <v>20</v>
      </c>
    </row>
    <row r="14" spans="1:18" ht="14.25" customHeight="1" x14ac:dyDescent="0.75">
      <c r="A14" s="1">
        <f t="shared" ref="A14:A28" si="0">A13+1</f>
        <v>2</v>
      </c>
      <c r="B14" s="11">
        <v>840003288197335</v>
      </c>
      <c r="C14" s="1">
        <v>840003222629669</v>
      </c>
      <c r="D14" s="12">
        <v>98</v>
      </c>
      <c r="E14" s="1"/>
      <c r="F14" s="1" t="s">
        <v>21</v>
      </c>
      <c r="G14" s="1" t="s">
        <v>24</v>
      </c>
      <c r="H14" s="1">
        <v>2021</v>
      </c>
      <c r="I14" s="1">
        <v>3</v>
      </c>
      <c r="J14" s="1" t="s">
        <v>36</v>
      </c>
      <c r="K14" s="13">
        <v>5000</v>
      </c>
      <c r="L14" s="1" t="s">
        <v>37</v>
      </c>
      <c r="M14" s="1"/>
      <c r="N14" s="1"/>
      <c r="O14" s="1"/>
      <c r="P14" s="1">
        <v>0</v>
      </c>
      <c r="Q14" s="1" t="s">
        <v>20</v>
      </c>
    </row>
    <row r="15" spans="1:18" ht="14.25" customHeight="1" x14ac:dyDescent="0.75">
      <c r="A15" s="1">
        <f t="shared" si="0"/>
        <v>3</v>
      </c>
      <c r="B15" s="11">
        <v>840003235139974</v>
      </c>
      <c r="C15" s="1">
        <v>840003222629660</v>
      </c>
      <c r="D15" s="12">
        <v>36</v>
      </c>
      <c r="E15" s="1"/>
      <c r="F15" s="1" t="s">
        <v>21</v>
      </c>
      <c r="G15" s="1" t="s">
        <v>24</v>
      </c>
      <c r="H15" s="1">
        <v>2021</v>
      </c>
      <c r="I15" s="1">
        <v>3</v>
      </c>
      <c r="J15" s="1" t="s">
        <v>36</v>
      </c>
      <c r="K15" s="13">
        <v>5000</v>
      </c>
      <c r="L15" s="1" t="s">
        <v>37</v>
      </c>
      <c r="M15" s="1"/>
      <c r="N15" s="1"/>
      <c r="O15" s="1"/>
      <c r="P15" s="1">
        <v>0</v>
      </c>
      <c r="Q15" s="1" t="s">
        <v>20</v>
      </c>
    </row>
    <row r="16" spans="1:18" ht="14.25" customHeight="1" x14ac:dyDescent="0.75">
      <c r="A16" s="1">
        <f t="shared" si="0"/>
        <v>4</v>
      </c>
      <c r="B16" s="11">
        <v>840003288197336</v>
      </c>
      <c r="C16" s="1">
        <v>840003222629659</v>
      </c>
      <c r="D16" s="12">
        <v>88</v>
      </c>
      <c r="E16" s="1"/>
      <c r="F16" s="1" t="s">
        <v>21</v>
      </c>
      <c r="G16" s="1" t="s">
        <v>24</v>
      </c>
      <c r="H16" s="1">
        <v>2021</v>
      </c>
      <c r="I16" s="1">
        <v>3</v>
      </c>
      <c r="J16" s="1" t="s">
        <v>36</v>
      </c>
      <c r="K16" s="13">
        <v>5000</v>
      </c>
      <c r="L16" s="1" t="s">
        <v>37</v>
      </c>
      <c r="M16" s="1"/>
      <c r="N16" s="1"/>
      <c r="O16" s="1"/>
      <c r="P16" s="1">
        <v>0</v>
      </c>
      <c r="Q16" s="1" t="s">
        <v>20</v>
      </c>
    </row>
    <row r="17" spans="1:18" ht="14.25" customHeight="1" x14ac:dyDescent="0.75">
      <c r="A17" s="1">
        <f t="shared" si="0"/>
        <v>5</v>
      </c>
      <c r="B17" s="11">
        <v>31</v>
      </c>
      <c r="C17" s="1">
        <v>840003222629657</v>
      </c>
      <c r="D17" s="12"/>
      <c r="E17" s="1"/>
      <c r="F17" s="1" t="s">
        <v>21</v>
      </c>
      <c r="G17" s="1" t="s">
        <v>24</v>
      </c>
      <c r="H17" s="1">
        <v>2021</v>
      </c>
      <c r="I17" s="1">
        <v>3</v>
      </c>
      <c r="J17" s="1" t="s">
        <v>36</v>
      </c>
      <c r="K17" s="13">
        <v>5000</v>
      </c>
      <c r="L17" s="1" t="s">
        <v>37</v>
      </c>
      <c r="M17" s="1"/>
      <c r="N17" s="1"/>
      <c r="O17" s="1"/>
      <c r="P17" s="1">
        <v>0</v>
      </c>
      <c r="Q17" s="1" t="s">
        <v>20</v>
      </c>
    </row>
    <row r="18" spans="1:18" ht="14.25" customHeight="1" x14ac:dyDescent="0.75">
      <c r="A18" s="1">
        <f t="shared" si="0"/>
        <v>6</v>
      </c>
      <c r="B18" s="11">
        <v>840003235139975</v>
      </c>
      <c r="C18" s="1">
        <v>840003222629655</v>
      </c>
      <c r="D18" s="12">
        <v>28</v>
      </c>
      <c r="E18" s="1"/>
      <c r="F18" s="1" t="s">
        <v>21</v>
      </c>
      <c r="G18" s="1" t="s">
        <v>24</v>
      </c>
      <c r="H18" s="1">
        <v>2021</v>
      </c>
      <c r="I18" s="1">
        <v>3</v>
      </c>
      <c r="J18" s="1" t="s">
        <v>36</v>
      </c>
      <c r="K18" s="13">
        <v>5000</v>
      </c>
      <c r="L18" s="1" t="s">
        <v>37</v>
      </c>
      <c r="M18" s="1"/>
      <c r="N18" s="1"/>
      <c r="O18" s="1"/>
      <c r="P18" s="1">
        <v>0</v>
      </c>
      <c r="Q18" s="1" t="s">
        <v>20</v>
      </c>
    </row>
    <row r="19" spans="1:18" ht="14.25" customHeight="1" x14ac:dyDescent="0.75">
      <c r="A19" s="1">
        <f t="shared" si="0"/>
        <v>7</v>
      </c>
      <c r="B19" s="11">
        <v>840003235139976</v>
      </c>
      <c r="C19" s="1">
        <v>840003222629654</v>
      </c>
      <c r="D19" s="12">
        <v>89</v>
      </c>
      <c r="E19" s="1"/>
      <c r="F19" s="1" t="s">
        <v>21</v>
      </c>
      <c r="G19" s="1" t="s">
        <v>24</v>
      </c>
      <c r="H19" s="1">
        <v>2021</v>
      </c>
      <c r="I19" s="1">
        <v>3</v>
      </c>
      <c r="J19" s="1" t="s">
        <v>36</v>
      </c>
      <c r="K19" s="13">
        <v>5000</v>
      </c>
      <c r="L19" s="1" t="s">
        <v>37</v>
      </c>
      <c r="M19" s="1"/>
      <c r="N19" s="1"/>
      <c r="O19" s="1"/>
      <c r="P19" s="1">
        <v>0</v>
      </c>
      <c r="Q19" s="1" t="s">
        <v>20</v>
      </c>
    </row>
    <row r="20" spans="1:18" ht="14.25" customHeight="1" x14ac:dyDescent="0.75">
      <c r="A20" s="1">
        <f t="shared" si="0"/>
        <v>8</v>
      </c>
      <c r="B20" s="11">
        <v>840003235139977</v>
      </c>
      <c r="C20" s="1">
        <v>840003235139977</v>
      </c>
      <c r="D20" s="12">
        <v>65</v>
      </c>
      <c r="E20" s="1">
        <v>840003222629653</v>
      </c>
      <c r="F20" s="1" t="s">
        <v>21</v>
      </c>
      <c r="G20" s="1" t="s">
        <v>24</v>
      </c>
      <c r="H20" s="1">
        <v>2021</v>
      </c>
      <c r="I20" s="1">
        <v>3</v>
      </c>
      <c r="J20" s="1" t="s">
        <v>36</v>
      </c>
      <c r="K20" s="13">
        <v>5000</v>
      </c>
      <c r="L20" s="1" t="s">
        <v>37</v>
      </c>
      <c r="M20" s="1"/>
      <c r="N20" s="1"/>
      <c r="O20" s="1"/>
      <c r="P20" s="1">
        <v>0</v>
      </c>
      <c r="Q20" s="1" t="s">
        <v>20</v>
      </c>
    </row>
    <row r="21" spans="1:18" ht="14.25" customHeight="1" x14ac:dyDescent="0.75">
      <c r="A21" s="1">
        <f t="shared" si="0"/>
        <v>9</v>
      </c>
      <c r="B21" s="11">
        <v>840003288197337</v>
      </c>
      <c r="C21" s="1">
        <v>840003288197337</v>
      </c>
      <c r="D21" s="12">
        <v>15</v>
      </c>
      <c r="E21" s="1">
        <v>840003222629651</v>
      </c>
      <c r="F21" s="1" t="s">
        <v>21</v>
      </c>
      <c r="G21" s="1" t="s">
        <v>24</v>
      </c>
      <c r="H21" s="1">
        <v>2021</v>
      </c>
      <c r="I21" s="1">
        <v>3</v>
      </c>
      <c r="J21" s="1" t="s">
        <v>36</v>
      </c>
      <c r="K21" s="13">
        <v>5000</v>
      </c>
      <c r="L21" s="1" t="s">
        <v>37</v>
      </c>
      <c r="M21" s="1"/>
      <c r="N21" s="1" t="s">
        <v>38</v>
      </c>
      <c r="O21" s="1"/>
      <c r="P21" s="1">
        <v>0</v>
      </c>
      <c r="Q21" s="1" t="s">
        <v>20</v>
      </c>
    </row>
    <row r="22" spans="1:18" ht="14.25" customHeight="1" x14ac:dyDescent="0.75">
      <c r="A22" s="1">
        <f t="shared" si="0"/>
        <v>10</v>
      </c>
      <c r="B22" s="11">
        <v>840003288197334</v>
      </c>
      <c r="C22" s="1"/>
      <c r="D22" s="1"/>
      <c r="E22" s="1"/>
      <c r="F22" s="1" t="s">
        <v>21</v>
      </c>
      <c r="G22" s="1" t="s">
        <v>27</v>
      </c>
      <c r="H22" s="14">
        <v>45443</v>
      </c>
      <c r="I22" s="1" t="s">
        <v>39</v>
      </c>
      <c r="J22" s="1" t="s">
        <v>40</v>
      </c>
      <c r="K22" s="1"/>
      <c r="L22" s="1" t="s">
        <v>41</v>
      </c>
      <c r="M22" s="1" t="s">
        <v>42</v>
      </c>
      <c r="N22" s="1"/>
      <c r="O22" s="1">
        <v>36</v>
      </c>
      <c r="P22" s="1">
        <v>1</v>
      </c>
      <c r="Q22" s="1" t="s">
        <v>20</v>
      </c>
    </row>
    <row r="23" spans="1:18" ht="14.25" customHeight="1" x14ac:dyDescent="0.75">
      <c r="A23" s="1">
        <f t="shared" si="0"/>
        <v>11</v>
      </c>
      <c r="B23" s="11">
        <v>840003288197333</v>
      </c>
      <c r="C23" s="1"/>
      <c r="D23" s="1"/>
      <c r="E23" s="1"/>
      <c r="F23" s="1" t="s">
        <v>21</v>
      </c>
      <c r="G23" s="1" t="s">
        <v>27</v>
      </c>
      <c r="H23" s="14">
        <v>45443</v>
      </c>
      <c r="I23" s="1" t="s">
        <v>39</v>
      </c>
      <c r="J23" s="1" t="s">
        <v>40</v>
      </c>
      <c r="K23" s="1"/>
      <c r="L23" s="1" t="s">
        <v>41</v>
      </c>
      <c r="M23" s="1"/>
      <c r="N23" s="1"/>
      <c r="O23" s="1"/>
      <c r="P23" s="1">
        <v>0</v>
      </c>
      <c r="Q23" s="1" t="s">
        <v>20</v>
      </c>
    </row>
    <row r="24" spans="1:18" ht="14.25" customHeight="1" x14ac:dyDescent="0.75">
      <c r="A24" s="1">
        <f t="shared" si="0"/>
        <v>12</v>
      </c>
      <c r="B24" s="11">
        <v>840003288197338</v>
      </c>
      <c r="C24" s="1"/>
      <c r="D24" s="1"/>
      <c r="E24" s="1"/>
      <c r="F24" s="1" t="s">
        <v>21</v>
      </c>
      <c r="G24" s="1" t="s">
        <v>27</v>
      </c>
      <c r="H24" s="14">
        <v>45443</v>
      </c>
      <c r="I24" s="1" t="s">
        <v>39</v>
      </c>
      <c r="J24" s="1" t="s">
        <v>40</v>
      </c>
      <c r="K24" s="1"/>
      <c r="L24" s="1" t="s">
        <v>41</v>
      </c>
      <c r="M24" s="1"/>
      <c r="N24" s="1"/>
      <c r="O24" s="1">
        <v>9839</v>
      </c>
      <c r="P24" s="1">
        <v>0</v>
      </c>
      <c r="Q24" s="1" t="s">
        <v>20</v>
      </c>
    </row>
    <row r="25" spans="1:18" ht="14.25" customHeight="1" x14ac:dyDescent="0.75">
      <c r="A25" s="1">
        <f t="shared" si="0"/>
        <v>13</v>
      </c>
      <c r="B25" s="11">
        <v>840003288197331</v>
      </c>
      <c r="C25" s="1"/>
      <c r="D25" s="1"/>
      <c r="E25" s="1"/>
      <c r="F25" s="1" t="s">
        <v>21</v>
      </c>
      <c r="G25" s="1" t="s">
        <v>24</v>
      </c>
      <c r="H25" s="14">
        <v>45443</v>
      </c>
      <c r="I25" s="1" t="s">
        <v>39</v>
      </c>
      <c r="J25" s="1" t="s">
        <v>40</v>
      </c>
      <c r="K25" s="1"/>
      <c r="L25" s="1" t="s">
        <v>41</v>
      </c>
      <c r="M25" s="1"/>
      <c r="N25" s="1"/>
      <c r="O25" s="1"/>
      <c r="P25" s="1">
        <v>0</v>
      </c>
      <c r="Q25" s="1" t="s">
        <v>20</v>
      </c>
      <c r="R25" s="1" t="s">
        <v>43</v>
      </c>
    </row>
    <row r="26" spans="1:18" ht="14.25" customHeight="1" x14ac:dyDescent="0.75">
      <c r="A26" s="1">
        <f t="shared" si="0"/>
        <v>14</v>
      </c>
      <c r="B26" s="11">
        <v>840003288197339</v>
      </c>
      <c r="C26" s="1"/>
      <c r="D26" s="1"/>
      <c r="E26" s="1"/>
      <c r="F26" s="1" t="s">
        <v>21</v>
      </c>
      <c r="G26" s="1" t="s">
        <v>27</v>
      </c>
      <c r="H26" s="14">
        <v>45447</v>
      </c>
      <c r="I26" s="1" t="s">
        <v>39</v>
      </c>
      <c r="J26" s="1" t="s">
        <v>40</v>
      </c>
      <c r="K26" s="1"/>
      <c r="L26" s="1" t="s">
        <v>44</v>
      </c>
      <c r="M26" s="1"/>
      <c r="N26" s="1"/>
      <c r="O26" s="1"/>
      <c r="P26" s="1">
        <v>1</v>
      </c>
      <c r="Q26" s="1" t="s">
        <v>20</v>
      </c>
    </row>
    <row r="27" spans="1:18" ht="14.25" customHeight="1" x14ac:dyDescent="0.75">
      <c r="A27" s="1">
        <f t="shared" si="0"/>
        <v>15</v>
      </c>
      <c r="B27" s="11">
        <v>840003288197342</v>
      </c>
      <c r="C27" s="1"/>
      <c r="D27" s="1"/>
      <c r="E27" s="1"/>
      <c r="F27" s="1" t="s">
        <v>21</v>
      </c>
      <c r="G27" s="1" t="s">
        <v>27</v>
      </c>
      <c r="H27" s="14">
        <v>45447</v>
      </c>
      <c r="I27" s="1" t="s">
        <v>39</v>
      </c>
      <c r="J27" s="1" t="s">
        <v>40</v>
      </c>
      <c r="K27" s="1"/>
      <c r="L27" s="1" t="s">
        <v>44</v>
      </c>
      <c r="M27" s="1"/>
      <c r="N27" s="1"/>
      <c r="O27" s="1"/>
      <c r="P27" s="1">
        <v>1</v>
      </c>
      <c r="Q27" s="1" t="s">
        <v>20</v>
      </c>
    </row>
    <row r="28" spans="1:18" ht="14.25" customHeight="1" x14ac:dyDescent="0.75">
      <c r="A28" s="1">
        <f t="shared" si="0"/>
        <v>16</v>
      </c>
      <c r="B28" s="11"/>
      <c r="C28" s="1"/>
      <c r="D28" s="1"/>
      <c r="E28" s="1"/>
      <c r="F28" s="1" t="s">
        <v>21</v>
      </c>
      <c r="G28" s="1" t="s">
        <v>27</v>
      </c>
      <c r="H28" s="14">
        <v>45443</v>
      </c>
      <c r="I28" s="1" t="s">
        <v>39</v>
      </c>
      <c r="J28" s="1" t="s">
        <v>40</v>
      </c>
      <c r="K28" s="1"/>
      <c r="L28" s="1" t="s">
        <v>44</v>
      </c>
      <c r="M28" s="1"/>
      <c r="N28" s="1"/>
      <c r="O28" s="1"/>
      <c r="P28" s="1">
        <v>1</v>
      </c>
      <c r="Q28" s="1" t="s">
        <v>20</v>
      </c>
      <c r="R28" s="2" t="s">
        <v>45</v>
      </c>
    </row>
    <row r="29" spans="1:18" ht="14.25" customHeight="1" x14ac:dyDescent="0.75">
      <c r="A29" s="1">
        <v>17</v>
      </c>
      <c r="B29" s="11">
        <v>840003288197341</v>
      </c>
      <c r="C29" s="1"/>
      <c r="D29" s="1"/>
      <c r="E29" s="1"/>
      <c r="F29" s="1" t="s">
        <v>21</v>
      </c>
      <c r="G29" s="1" t="s">
        <v>27</v>
      </c>
      <c r="H29" s="14">
        <v>45472</v>
      </c>
      <c r="I29" s="1" t="s">
        <v>39</v>
      </c>
      <c r="J29" s="1" t="s">
        <v>40</v>
      </c>
      <c r="K29" s="1"/>
      <c r="L29" s="1" t="s">
        <v>41</v>
      </c>
      <c r="P29" s="1">
        <v>0</v>
      </c>
      <c r="Q29" s="1" t="s">
        <v>20</v>
      </c>
    </row>
    <row r="30" spans="1:18" ht="14.25" customHeight="1" x14ac:dyDescent="0.75">
      <c r="A30" s="1">
        <v>18</v>
      </c>
      <c r="B30" s="11">
        <v>840003288197325</v>
      </c>
      <c r="C30" s="1"/>
      <c r="D30" s="1"/>
      <c r="E30" s="1"/>
      <c r="F30" s="1" t="s">
        <v>21</v>
      </c>
      <c r="G30" s="1" t="s">
        <v>27</v>
      </c>
      <c r="H30" s="14">
        <v>45472</v>
      </c>
      <c r="I30" s="1" t="s">
        <v>39</v>
      </c>
      <c r="J30" s="1" t="s">
        <v>40</v>
      </c>
      <c r="K30" s="1"/>
      <c r="L30" s="1" t="s">
        <v>41</v>
      </c>
      <c r="P30" s="1">
        <v>0</v>
      </c>
      <c r="Q30" s="1" t="s">
        <v>20</v>
      </c>
    </row>
    <row r="31" spans="1:18" ht="14.25" customHeight="1" x14ac:dyDescent="0.75">
      <c r="A31" s="1">
        <v>19</v>
      </c>
      <c r="B31" s="11">
        <v>840003288197340</v>
      </c>
      <c r="C31" s="1"/>
      <c r="D31" s="1"/>
      <c r="E31" s="1"/>
      <c r="F31" s="1" t="s">
        <v>21</v>
      </c>
      <c r="G31" s="1" t="s">
        <v>27</v>
      </c>
      <c r="H31" s="14">
        <v>45472</v>
      </c>
      <c r="I31" s="1" t="s">
        <v>39</v>
      </c>
      <c r="J31" s="1" t="s">
        <v>40</v>
      </c>
      <c r="K31" s="1"/>
      <c r="L31" s="1" t="s">
        <v>41</v>
      </c>
      <c r="P31" s="1">
        <v>0</v>
      </c>
      <c r="Q31" s="1" t="s">
        <v>20</v>
      </c>
    </row>
    <row r="32" spans="1:18" ht="14.25" customHeight="1" x14ac:dyDescent="0.75">
      <c r="A32" s="1">
        <v>20</v>
      </c>
      <c r="B32" s="8"/>
      <c r="D32" s="1"/>
      <c r="E32" s="1"/>
      <c r="F32" s="1" t="s">
        <v>21</v>
      </c>
      <c r="G32" s="2" t="s">
        <v>46</v>
      </c>
      <c r="H32" s="14">
        <v>45469</v>
      </c>
      <c r="I32" s="1" t="s">
        <v>39</v>
      </c>
      <c r="J32" s="1" t="s">
        <v>40</v>
      </c>
      <c r="K32" s="1"/>
      <c r="L32" s="1" t="s">
        <v>41</v>
      </c>
      <c r="P32" s="1">
        <v>0</v>
      </c>
      <c r="Q32" s="1" t="s">
        <v>20</v>
      </c>
      <c r="R32" s="2" t="s">
        <v>45</v>
      </c>
    </row>
    <row r="33" spans="1:18" ht="14.25" customHeight="1" x14ac:dyDescent="0.75">
      <c r="A33" s="1">
        <v>21</v>
      </c>
      <c r="B33" s="11">
        <v>840003288197328</v>
      </c>
      <c r="C33" s="1"/>
      <c r="D33" s="1"/>
      <c r="E33" s="1"/>
      <c r="F33" s="1" t="s">
        <v>21</v>
      </c>
      <c r="G33" s="1" t="s">
        <v>27</v>
      </c>
      <c r="H33" s="14">
        <v>45478</v>
      </c>
      <c r="I33" s="1" t="s">
        <v>39</v>
      </c>
      <c r="J33" s="1" t="s">
        <v>40</v>
      </c>
      <c r="K33" s="1"/>
      <c r="L33" s="1" t="s">
        <v>44</v>
      </c>
      <c r="M33" s="1" t="s">
        <v>47</v>
      </c>
      <c r="N33" s="1"/>
      <c r="O33" s="1">
        <v>89</v>
      </c>
      <c r="P33" s="1">
        <v>1</v>
      </c>
      <c r="Q33" s="1" t="s">
        <v>20</v>
      </c>
    </row>
    <row r="34" spans="1:18" ht="14.25" customHeight="1" x14ac:dyDescent="0.75">
      <c r="A34" s="1">
        <v>22</v>
      </c>
      <c r="B34" s="11">
        <v>840003288197327</v>
      </c>
      <c r="C34" s="1"/>
      <c r="D34" s="1"/>
      <c r="E34" s="1"/>
      <c r="F34" s="1" t="s">
        <v>21</v>
      </c>
      <c r="G34" s="1" t="s">
        <v>24</v>
      </c>
      <c r="H34" s="14">
        <v>45475</v>
      </c>
      <c r="I34" s="1" t="s">
        <v>39</v>
      </c>
      <c r="J34" s="1" t="s">
        <v>40</v>
      </c>
      <c r="K34" s="1"/>
      <c r="L34" s="1" t="s">
        <v>44</v>
      </c>
      <c r="P34" s="1">
        <v>1</v>
      </c>
      <c r="Q34" s="1" t="s">
        <v>20</v>
      </c>
    </row>
    <row r="35" spans="1:18" ht="14.25" customHeight="1" x14ac:dyDescent="0.75">
      <c r="A35" s="1">
        <v>23</v>
      </c>
      <c r="B35" s="11">
        <v>840003288197329</v>
      </c>
      <c r="C35" s="1"/>
      <c r="D35" s="1"/>
      <c r="E35" s="1"/>
      <c r="F35" s="1" t="s">
        <v>21</v>
      </c>
      <c r="G35" s="1" t="s">
        <v>27</v>
      </c>
      <c r="H35" s="14">
        <v>45476</v>
      </c>
      <c r="I35" s="1" t="s">
        <v>39</v>
      </c>
      <c r="J35" s="1" t="s">
        <v>40</v>
      </c>
      <c r="K35" s="1"/>
      <c r="L35" s="1" t="s">
        <v>44</v>
      </c>
      <c r="M35" s="1"/>
      <c r="N35" s="1"/>
      <c r="O35" s="1"/>
      <c r="P35" s="1">
        <v>1</v>
      </c>
      <c r="Q35" s="1" t="s">
        <v>20</v>
      </c>
      <c r="R35" s="1"/>
    </row>
    <row r="36" spans="1:18" ht="14.25" customHeight="1" x14ac:dyDescent="0.75">
      <c r="A36" s="1">
        <v>24</v>
      </c>
      <c r="B36" s="11"/>
      <c r="C36" s="1"/>
      <c r="D36" s="1"/>
      <c r="E36" s="1"/>
      <c r="F36" s="1" t="s">
        <v>21</v>
      </c>
      <c r="G36" s="1" t="s">
        <v>46</v>
      </c>
      <c r="H36" s="14">
        <v>45468</v>
      </c>
      <c r="I36" s="1" t="s">
        <v>39</v>
      </c>
      <c r="J36" s="1" t="s">
        <v>40</v>
      </c>
      <c r="K36" s="1"/>
      <c r="L36" s="1" t="s">
        <v>44</v>
      </c>
      <c r="M36" s="1"/>
      <c r="N36" s="1"/>
      <c r="O36" s="1"/>
      <c r="P36" s="1">
        <v>1</v>
      </c>
      <c r="Q36" s="1" t="s">
        <v>20</v>
      </c>
      <c r="R36" s="1" t="s">
        <v>45</v>
      </c>
    </row>
    <row r="37" spans="1:18" ht="14.25" customHeight="1" x14ac:dyDescent="0.75">
      <c r="A37" s="1">
        <v>25</v>
      </c>
      <c r="B37" s="8"/>
      <c r="D37" s="1"/>
      <c r="E37" s="1"/>
      <c r="F37" s="1" t="s">
        <v>21</v>
      </c>
      <c r="G37" s="2" t="s">
        <v>46</v>
      </c>
      <c r="H37" s="14">
        <v>45471</v>
      </c>
      <c r="I37" s="1" t="s">
        <v>39</v>
      </c>
      <c r="J37" s="1" t="s">
        <v>40</v>
      </c>
      <c r="K37" s="1"/>
      <c r="L37" s="1" t="s">
        <v>41</v>
      </c>
      <c r="P37" s="1">
        <v>0</v>
      </c>
      <c r="Q37" s="1" t="s">
        <v>20</v>
      </c>
      <c r="R37" s="2" t="s">
        <v>45</v>
      </c>
    </row>
    <row r="38" spans="1:18" ht="14.25" customHeight="1" x14ac:dyDescent="0.75">
      <c r="A38" s="1">
        <v>26</v>
      </c>
      <c r="B38" s="11">
        <v>840003288197326</v>
      </c>
      <c r="C38" s="11"/>
      <c r="D38" s="1"/>
      <c r="E38" s="1"/>
      <c r="F38" s="1" t="s">
        <v>21</v>
      </c>
      <c r="G38" s="1" t="s">
        <v>46</v>
      </c>
      <c r="H38" s="14">
        <v>45532</v>
      </c>
      <c r="I38" s="2" t="s">
        <v>39</v>
      </c>
      <c r="J38" s="1" t="s">
        <v>40</v>
      </c>
      <c r="K38" s="15"/>
      <c r="L38" s="2" t="s">
        <v>41</v>
      </c>
      <c r="M38" s="2" t="s">
        <v>48</v>
      </c>
      <c r="N38" s="2" t="s">
        <v>49</v>
      </c>
      <c r="O38" s="2">
        <v>9840</v>
      </c>
      <c r="P38" s="1">
        <v>0</v>
      </c>
      <c r="Q38" s="1" t="s">
        <v>20</v>
      </c>
    </row>
    <row r="39" spans="1:18" ht="14.25" customHeight="1" x14ac:dyDescent="0.75">
      <c r="A39" s="1">
        <v>27</v>
      </c>
      <c r="B39" s="8"/>
      <c r="C39" s="8"/>
      <c r="D39" s="1"/>
      <c r="E39" s="1"/>
      <c r="F39" s="1" t="s">
        <v>21</v>
      </c>
      <c r="G39" s="1" t="s">
        <v>46</v>
      </c>
      <c r="H39" s="14">
        <v>45471</v>
      </c>
      <c r="I39" s="2" t="s">
        <v>39</v>
      </c>
      <c r="J39" s="1" t="s">
        <v>40</v>
      </c>
      <c r="K39" s="15"/>
      <c r="L39" s="2" t="s">
        <v>41</v>
      </c>
      <c r="N39" s="2"/>
      <c r="P39" s="1">
        <v>0</v>
      </c>
      <c r="Q39" s="1" t="s">
        <v>20</v>
      </c>
    </row>
    <row r="40" spans="1:18" ht="14.25" customHeight="1" x14ac:dyDescent="0.75">
      <c r="A40" s="1">
        <v>26</v>
      </c>
      <c r="B40" s="8" t="s">
        <v>50</v>
      </c>
      <c r="C40" s="8">
        <v>840003235169251</v>
      </c>
      <c r="D40" s="1"/>
      <c r="E40" s="1">
        <v>982000466662825</v>
      </c>
      <c r="F40" s="1" t="s">
        <v>51</v>
      </c>
      <c r="G40" s="1" t="s">
        <v>27</v>
      </c>
      <c r="H40" s="14">
        <v>44713</v>
      </c>
      <c r="I40" s="16">
        <v>2</v>
      </c>
      <c r="J40" s="1" t="s">
        <v>52</v>
      </c>
      <c r="K40" s="15">
        <v>25000</v>
      </c>
      <c r="L40" s="16" t="s">
        <v>44</v>
      </c>
      <c r="M40" s="2" t="s">
        <v>53</v>
      </c>
      <c r="N40" s="2" t="s">
        <v>54</v>
      </c>
      <c r="P40" s="1">
        <v>1</v>
      </c>
      <c r="Q40" s="1" t="s">
        <v>20</v>
      </c>
    </row>
    <row r="41" spans="1:18" ht="14.25" customHeight="1" x14ac:dyDescent="0.75"/>
    <row r="42" spans="1:18" ht="14.25" customHeight="1" x14ac:dyDescent="0.75"/>
    <row r="43" spans="1:18" ht="14.25" customHeight="1" x14ac:dyDescent="0.75"/>
    <row r="44" spans="1:18" ht="14.25" customHeight="1" x14ac:dyDescent="0.75"/>
    <row r="45" spans="1:18" ht="14.25" customHeight="1" x14ac:dyDescent="0.75"/>
    <row r="46" spans="1:18" ht="14.25" customHeight="1" x14ac:dyDescent="0.75"/>
    <row r="47" spans="1:18" ht="14.25" customHeight="1" x14ac:dyDescent="0.75"/>
    <row r="48" spans="1:18" ht="14.25" customHeight="1" x14ac:dyDescent="0.75"/>
    <row r="49" ht="14.25" customHeight="1" x14ac:dyDescent="0.75"/>
    <row r="50" ht="14.25" customHeight="1" x14ac:dyDescent="0.75"/>
    <row r="51" ht="14.25" customHeight="1" x14ac:dyDescent="0.75"/>
    <row r="52" ht="14.25" customHeight="1" x14ac:dyDescent="0.75"/>
    <row r="53" ht="14.25" customHeight="1" x14ac:dyDescent="0.75"/>
    <row r="54" ht="14.25" customHeight="1" x14ac:dyDescent="0.75"/>
    <row r="55" ht="14.25" customHeight="1" x14ac:dyDescent="0.75"/>
    <row r="56" ht="14.25" customHeight="1" x14ac:dyDescent="0.75"/>
    <row r="57" ht="14.25" customHeight="1" x14ac:dyDescent="0.75"/>
    <row r="58" ht="14.25" customHeight="1" x14ac:dyDescent="0.75"/>
    <row r="59" ht="14.25" customHeight="1" x14ac:dyDescent="0.75"/>
    <row r="60" ht="14.25" customHeight="1" x14ac:dyDescent="0.75"/>
    <row r="61" ht="14.25" customHeight="1" x14ac:dyDescent="0.75"/>
    <row r="62" ht="14.25" customHeight="1" x14ac:dyDescent="0.75"/>
    <row r="63" ht="14.25" customHeight="1" x14ac:dyDescent="0.75"/>
    <row r="64" ht="14.25" customHeight="1" x14ac:dyDescent="0.75"/>
    <row r="65" ht="14.25" customHeight="1" x14ac:dyDescent="0.75"/>
    <row r="66" ht="14.25" customHeight="1" x14ac:dyDescent="0.75"/>
    <row r="67" ht="14.25" customHeight="1" x14ac:dyDescent="0.75"/>
    <row r="68" ht="14.25" customHeight="1" x14ac:dyDescent="0.75"/>
    <row r="69" ht="14.25" customHeight="1" x14ac:dyDescent="0.75"/>
    <row r="70" ht="14.25" customHeight="1" x14ac:dyDescent="0.75"/>
    <row r="71" ht="14.25" customHeight="1" x14ac:dyDescent="0.75"/>
    <row r="72" ht="14.25" customHeight="1" x14ac:dyDescent="0.75"/>
    <row r="73" ht="14.25" customHeight="1" x14ac:dyDescent="0.75"/>
    <row r="74" ht="14.25" customHeight="1" x14ac:dyDescent="0.75"/>
    <row r="75" ht="14.25" customHeight="1" x14ac:dyDescent="0.75"/>
    <row r="76" ht="14.25" customHeight="1" x14ac:dyDescent="0.75"/>
    <row r="77" ht="14.25" customHeight="1" x14ac:dyDescent="0.75"/>
    <row r="78" ht="14.25" customHeight="1" x14ac:dyDescent="0.75"/>
    <row r="79" ht="14.25" customHeight="1" x14ac:dyDescent="0.75"/>
    <row r="80" ht="14.25" customHeight="1" x14ac:dyDescent="0.75"/>
    <row r="81" ht="14.25" customHeight="1" x14ac:dyDescent="0.75"/>
    <row r="82" ht="14.25" customHeight="1" x14ac:dyDescent="0.75"/>
    <row r="83" ht="14.25" customHeight="1" x14ac:dyDescent="0.75"/>
    <row r="84" ht="14.25" customHeight="1" x14ac:dyDescent="0.75"/>
    <row r="85" ht="14.25" customHeight="1" x14ac:dyDescent="0.75"/>
    <row r="86" ht="14.25" customHeight="1" x14ac:dyDescent="0.75"/>
    <row r="87" ht="14.25" customHeight="1" x14ac:dyDescent="0.75"/>
    <row r="88" ht="14.25" customHeight="1" x14ac:dyDescent="0.75"/>
    <row r="89" ht="14.25" customHeight="1" x14ac:dyDescent="0.75"/>
    <row r="90" ht="14.25" customHeight="1" x14ac:dyDescent="0.75"/>
    <row r="91" ht="14.25" customHeight="1" x14ac:dyDescent="0.75"/>
    <row r="92" ht="14.25" customHeight="1" x14ac:dyDescent="0.75"/>
    <row r="93" ht="14.25" customHeight="1" x14ac:dyDescent="0.75"/>
    <row r="94" ht="14.25" customHeight="1" x14ac:dyDescent="0.75"/>
    <row r="95" ht="14.25" customHeight="1" x14ac:dyDescent="0.75"/>
    <row r="96" ht="14.25" customHeight="1" x14ac:dyDescent="0.75"/>
    <row r="97" ht="14.25" customHeight="1" x14ac:dyDescent="0.75"/>
    <row r="98" ht="14.25" customHeight="1" x14ac:dyDescent="0.75"/>
    <row r="99" ht="14.25" customHeight="1" x14ac:dyDescent="0.75"/>
    <row r="100" ht="14.25" customHeight="1" x14ac:dyDescent="0.75"/>
    <row r="101" ht="14.25" customHeight="1" x14ac:dyDescent="0.75"/>
    <row r="102" ht="14.25" customHeight="1" x14ac:dyDescent="0.75"/>
    <row r="103" ht="14.25" customHeight="1" x14ac:dyDescent="0.75"/>
    <row r="104" ht="14.25" customHeight="1" x14ac:dyDescent="0.75"/>
    <row r="105" ht="14.25" customHeight="1" x14ac:dyDescent="0.75"/>
    <row r="106" ht="14.25" customHeight="1" x14ac:dyDescent="0.75"/>
    <row r="107" ht="14.25" customHeight="1" x14ac:dyDescent="0.75"/>
    <row r="108" ht="14.25" customHeight="1" x14ac:dyDescent="0.75"/>
    <row r="109" ht="14.25" customHeight="1" x14ac:dyDescent="0.75"/>
    <row r="110" ht="14.25" customHeight="1" x14ac:dyDescent="0.75"/>
    <row r="111" ht="14.25" customHeight="1" x14ac:dyDescent="0.75"/>
    <row r="112" ht="14.25" customHeight="1" x14ac:dyDescent="0.75"/>
    <row r="113" ht="14.25" customHeight="1" x14ac:dyDescent="0.75"/>
    <row r="114" ht="14.25" customHeight="1" x14ac:dyDescent="0.75"/>
    <row r="115" ht="14.25" customHeight="1" x14ac:dyDescent="0.75"/>
    <row r="116" ht="14.25" customHeight="1" x14ac:dyDescent="0.75"/>
    <row r="117" ht="14.25" customHeight="1" x14ac:dyDescent="0.75"/>
    <row r="118" ht="14.25" customHeight="1" x14ac:dyDescent="0.75"/>
    <row r="119" ht="14.25" customHeight="1" x14ac:dyDescent="0.75"/>
    <row r="120" ht="14.25" customHeight="1" x14ac:dyDescent="0.75"/>
    <row r="121" ht="14.25" customHeight="1" x14ac:dyDescent="0.75"/>
    <row r="122" ht="14.25" customHeight="1" x14ac:dyDescent="0.75"/>
    <row r="123" ht="14.25" customHeight="1" x14ac:dyDescent="0.75"/>
    <row r="124" ht="14.25" customHeight="1" x14ac:dyDescent="0.75"/>
    <row r="125" ht="14.25" customHeight="1" x14ac:dyDescent="0.75"/>
    <row r="126" ht="14.25" customHeight="1" x14ac:dyDescent="0.75"/>
    <row r="127" ht="14.25" customHeight="1" x14ac:dyDescent="0.75"/>
    <row r="128" ht="14.25" customHeight="1" x14ac:dyDescent="0.75"/>
    <row r="129" ht="14.25" customHeight="1" x14ac:dyDescent="0.75"/>
    <row r="130" ht="14.25" customHeight="1" x14ac:dyDescent="0.75"/>
    <row r="131" ht="14.25" customHeight="1" x14ac:dyDescent="0.75"/>
    <row r="132" ht="14.25" customHeight="1" x14ac:dyDescent="0.75"/>
    <row r="133" ht="14.25" customHeight="1" x14ac:dyDescent="0.75"/>
    <row r="134" ht="14.25" customHeight="1" x14ac:dyDescent="0.75"/>
    <row r="135" ht="14.25" customHeight="1" x14ac:dyDescent="0.75"/>
    <row r="136" ht="14.25" customHeight="1" x14ac:dyDescent="0.75"/>
    <row r="137" ht="14.25" customHeight="1" x14ac:dyDescent="0.75"/>
    <row r="138" ht="14.25" customHeight="1" x14ac:dyDescent="0.75"/>
    <row r="139" ht="14.25" customHeight="1" x14ac:dyDescent="0.75"/>
    <row r="140" ht="14.25" customHeight="1" x14ac:dyDescent="0.75"/>
    <row r="141" ht="14.25" customHeight="1" x14ac:dyDescent="0.75"/>
    <row r="142" ht="14.25" customHeight="1" x14ac:dyDescent="0.75"/>
    <row r="143" ht="14.25" customHeight="1" x14ac:dyDescent="0.75"/>
    <row r="144" ht="14.25" customHeight="1" x14ac:dyDescent="0.75"/>
    <row r="145" ht="14.25" customHeight="1" x14ac:dyDescent="0.75"/>
    <row r="146" ht="14.25" customHeight="1" x14ac:dyDescent="0.75"/>
    <row r="147" ht="14.25" customHeight="1" x14ac:dyDescent="0.75"/>
    <row r="148" ht="14.25" customHeight="1" x14ac:dyDescent="0.75"/>
    <row r="149" ht="14.25" customHeight="1" x14ac:dyDescent="0.75"/>
    <row r="150" ht="14.25" customHeight="1" x14ac:dyDescent="0.75"/>
    <row r="151" ht="14.25" customHeight="1" x14ac:dyDescent="0.75"/>
    <row r="152" ht="14.25" customHeight="1" x14ac:dyDescent="0.75"/>
    <row r="153" ht="14.25" customHeight="1" x14ac:dyDescent="0.75"/>
    <row r="154" ht="14.25" customHeight="1" x14ac:dyDescent="0.75"/>
    <row r="155" ht="14.25" customHeight="1" x14ac:dyDescent="0.75"/>
    <row r="156" ht="14.25" customHeight="1" x14ac:dyDescent="0.75"/>
    <row r="157" ht="14.25" customHeight="1" x14ac:dyDescent="0.75"/>
    <row r="158" ht="14.25" customHeight="1" x14ac:dyDescent="0.75"/>
    <row r="159" ht="14.25" customHeight="1" x14ac:dyDescent="0.75"/>
    <row r="160" ht="14.25" customHeight="1" x14ac:dyDescent="0.75"/>
    <row r="161" ht="14.25" customHeight="1" x14ac:dyDescent="0.75"/>
    <row r="162" ht="14.25" customHeight="1" x14ac:dyDescent="0.75"/>
    <row r="163" ht="14.25" customHeight="1" x14ac:dyDescent="0.75"/>
    <row r="164" ht="14.25" customHeight="1" x14ac:dyDescent="0.75"/>
    <row r="165" ht="14.25" customHeight="1" x14ac:dyDescent="0.75"/>
    <row r="166" ht="14.25" customHeight="1" x14ac:dyDescent="0.75"/>
    <row r="167" ht="14.25" customHeight="1" x14ac:dyDescent="0.75"/>
    <row r="168" ht="14.25" customHeight="1" x14ac:dyDescent="0.75"/>
    <row r="169" ht="14.25" customHeight="1" x14ac:dyDescent="0.75"/>
    <row r="170" ht="14.25" customHeight="1" x14ac:dyDescent="0.75"/>
    <row r="171" ht="14.25" customHeight="1" x14ac:dyDescent="0.75"/>
    <row r="172" ht="14.25" customHeight="1" x14ac:dyDescent="0.75"/>
    <row r="173" ht="14.25" customHeight="1" x14ac:dyDescent="0.75"/>
    <row r="174" ht="14.25" customHeight="1" x14ac:dyDescent="0.75"/>
    <row r="175" ht="14.25" customHeight="1" x14ac:dyDescent="0.75"/>
    <row r="176" ht="14.25" customHeight="1" x14ac:dyDescent="0.75"/>
    <row r="177" ht="14.25" customHeight="1" x14ac:dyDescent="0.75"/>
    <row r="178" ht="14.25" customHeight="1" x14ac:dyDescent="0.75"/>
    <row r="179" ht="14.25" customHeight="1" x14ac:dyDescent="0.75"/>
    <row r="180" ht="14.25" customHeight="1" x14ac:dyDescent="0.75"/>
    <row r="181" ht="14.25" customHeight="1" x14ac:dyDescent="0.75"/>
    <row r="182" ht="14.25" customHeight="1" x14ac:dyDescent="0.75"/>
    <row r="183" ht="14.25" customHeight="1" x14ac:dyDescent="0.75"/>
    <row r="184" ht="14.25" customHeight="1" x14ac:dyDescent="0.75"/>
    <row r="185" ht="14.25" customHeight="1" x14ac:dyDescent="0.75"/>
    <row r="186" ht="14.25" customHeight="1" x14ac:dyDescent="0.75"/>
    <row r="187" ht="14.25" customHeight="1" x14ac:dyDescent="0.75"/>
    <row r="188" ht="14.25" customHeight="1" x14ac:dyDescent="0.75"/>
    <row r="189" ht="14.25" customHeight="1" x14ac:dyDescent="0.75"/>
    <row r="190" ht="14.25" customHeight="1" x14ac:dyDescent="0.75"/>
    <row r="191" ht="14.25" customHeight="1" x14ac:dyDescent="0.75"/>
    <row r="192" ht="14.25" customHeight="1" x14ac:dyDescent="0.75"/>
    <row r="193" ht="14.25" customHeight="1" x14ac:dyDescent="0.75"/>
    <row r="194" ht="14.25" customHeight="1" x14ac:dyDescent="0.75"/>
    <row r="195" ht="14.25" customHeight="1" x14ac:dyDescent="0.75"/>
    <row r="196" ht="14.25" customHeight="1" x14ac:dyDescent="0.75"/>
    <row r="197" ht="14.25" customHeight="1" x14ac:dyDescent="0.75"/>
    <row r="198" ht="14.25" customHeight="1" x14ac:dyDescent="0.75"/>
    <row r="199" ht="14.25" customHeight="1" x14ac:dyDescent="0.75"/>
    <row r="200" ht="14.25" customHeight="1" x14ac:dyDescent="0.75"/>
    <row r="201" ht="14.25" customHeight="1" x14ac:dyDescent="0.75"/>
    <row r="202" ht="14.25" customHeight="1" x14ac:dyDescent="0.75"/>
    <row r="203" ht="14.25" customHeight="1" x14ac:dyDescent="0.75"/>
    <row r="204" ht="14.25" customHeight="1" x14ac:dyDescent="0.75"/>
    <row r="205" ht="14.25" customHeight="1" x14ac:dyDescent="0.75"/>
    <row r="206" ht="14.25" customHeight="1" x14ac:dyDescent="0.75"/>
    <row r="207" ht="14.25" customHeight="1" x14ac:dyDescent="0.75"/>
    <row r="208" ht="14.25" customHeight="1" x14ac:dyDescent="0.75"/>
    <row r="209" ht="14.25" customHeight="1" x14ac:dyDescent="0.75"/>
    <row r="210" ht="14.25" customHeight="1" x14ac:dyDescent="0.75"/>
    <row r="211" ht="14.25" customHeight="1" x14ac:dyDescent="0.75"/>
    <row r="212" ht="14.25" customHeight="1" x14ac:dyDescent="0.75"/>
    <row r="213" ht="14.25" customHeight="1" x14ac:dyDescent="0.75"/>
    <row r="214" ht="14.25" customHeight="1" x14ac:dyDescent="0.75"/>
    <row r="215" ht="14.25" customHeight="1" x14ac:dyDescent="0.75"/>
    <row r="216" ht="14.25" customHeight="1" x14ac:dyDescent="0.75"/>
    <row r="217" ht="14.25" customHeight="1" x14ac:dyDescent="0.75"/>
    <row r="218" ht="14.25" customHeight="1" x14ac:dyDescent="0.75"/>
    <row r="219" ht="14.25" customHeight="1" x14ac:dyDescent="0.75"/>
    <row r="220" ht="14.25" customHeight="1" x14ac:dyDescent="0.75"/>
    <row r="221" ht="14.25" customHeight="1" x14ac:dyDescent="0.75"/>
    <row r="222" ht="14.25" customHeight="1" x14ac:dyDescent="0.75"/>
    <row r="223" ht="14.25" customHeight="1" x14ac:dyDescent="0.75"/>
    <row r="224" ht="14.25" customHeight="1" x14ac:dyDescent="0.75"/>
    <row r="225" ht="14.25" customHeight="1" x14ac:dyDescent="0.75"/>
    <row r="226" ht="14.25" customHeight="1" x14ac:dyDescent="0.75"/>
    <row r="227" ht="14.25" customHeight="1" x14ac:dyDescent="0.75"/>
    <row r="228" ht="14.25" customHeight="1" x14ac:dyDescent="0.75"/>
    <row r="229" ht="14.25" customHeight="1" x14ac:dyDescent="0.75"/>
    <row r="230" ht="14.25" customHeight="1" x14ac:dyDescent="0.75"/>
    <row r="231" ht="14.25" customHeight="1" x14ac:dyDescent="0.75"/>
    <row r="232" ht="14.25" customHeight="1" x14ac:dyDescent="0.75"/>
    <row r="233" ht="14.25" customHeight="1" x14ac:dyDescent="0.75"/>
    <row r="234" ht="14.25" customHeight="1" x14ac:dyDescent="0.75"/>
    <row r="235" ht="14.25" customHeight="1" x14ac:dyDescent="0.75"/>
    <row r="236" ht="14.25" customHeight="1" x14ac:dyDescent="0.75"/>
    <row r="237" ht="14.25" customHeight="1" x14ac:dyDescent="0.75"/>
    <row r="238" ht="14.25" customHeight="1" x14ac:dyDescent="0.75"/>
    <row r="239" ht="14.25" customHeight="1" x14ac:dyDescent="0.75"/>
    <row r="240" ht="14.25" customHeight="1" x14ac:dyDescent="0.75"/>
    <row r="241" ht="14.25" customHeight="1" x14ac:dyDescent="0.75"/>
    <row r="242" ht="14.25" customHeight="1" x14ac:dyDescent="0.75"/>
    <row r="243" ht="14.25" customHeight="1" x14ac:dyDescent="0.75"/>
    <row r="244" ht="14.25" customHeight="1" x14ac:dyDescent="0.75"/>
    <row r="245" ht="14.25" customHeight="1" x14ac:dyDescent="0.75"/>
    <row r="246" ht="14.25" customHeight="1" x14ac:dyDescent="0.75"/>
    <row r="247" ht="14.25" customHeight="1" x14ac:dyDescent="0.75"/>
    <row r="248" ht="14.25" customHeight="1" x14ac:dyDescent="0.75"/>
    <row r="249" ht="14.25" customHeight="1" x14ac:dyDescent="0.75"/>
    <row r="250" ht="14.25" customHeight="1" x14ac:dyDescent="0.75"/>
    <row r="251" ht="14.25" customHeight="1" x14ac:dyDescent="0.75"/>
    <row r="252" ht="14.25" customHeight="1" x14ac:dyDescent="0.75"/>
    <row r="253" ht="14.25" customHeight="1" x14ac:dyDescent="0.75"/>
    <row r="254" ht="14.25" customHeight="1" x14ac:dyDescent="0.75"/>
    <row r="255" ht="14.25" customHeight="1" x14ac:dyDescent="0.75"/>
    <row r="256" ht="14.25" customHeight="1" x14ac:dyDescent="0.75"/>
    <row r="257" ht="14.25" customHeight="1" x14ac:dyDescent="0.75"/>
    <row r="258" ht="14.25" customHeight="1" x14ac:dyDescent="0.75"/>
    <row r="259" ht="14.25" customHeight="1" x14ac:dyDescent="0.75"/>
    <row r="260" ht="14.25" customHeight="1" x14ac:dyDescent="0.75"/>
    <row r="261" ht="14.25" customHeight="1" x14ac:dyDescent="0.75"/>
    <row r="262" ht="14.25" customHeight="1" x14ac:dyDescent="0.75"/>
    <row r="263" ht="14.25" customHeight="1" x14ac:dyDescent="0.75"/>
    <row r="264" ht="14.25" customHeight="1" x14ac:dyDescent="0.75"/>
    <row r="265" ht="14.25" customHeight="1" x14ac:dyDescent="0.75"/>
    <row r="266" ht="14.25" customHeight="1" x14ac:dyDescent="0.75"/>
    <row r="267" ht="14.25" customHeight="1" x14ac:dyDescent="0.75"/>
    <row r="268" ht="14.25" customHeight="1" x14ac:dyDescent="0.75"/>
    <row r="269" ht="14.25" customHeight="1" x14ac:dyDescent="0.75"/>
    <row r="270" ht="14.25" customHeight="1" x14ac:dyDescent="0.75"/>
    <row r="271" ht="14.25" customHeight="1" x14ac:dyDescent="0.75"/>
    <row r="272" ht="14.25" customHeight="1" x14ac:dyDescent="0.75"/>
    <row r="273" ht="14.25" customHeight="1" x14ac:dyDescent="0.75"/>
    <row r="274" ht="14.25" customHeight="1" x14ac:dyDescent="0.75"/>
    <row r="275" ht="14.25" customHeight="1" x14ac:dyDescent="0.75"/>
    <row r="276" ht="14.25" customHeight="1" x14ac:dyDescent="0.75"/>
    <row r="277" ht="14.25" customHeight="1" x14ac:dyDescent="0.75"/>
    <row r="278" ht="14.25" customHeight="1" x14ac:dyDescent="0.75"/>
    <row r="279" ht="14.25" customHeight="1" x14ac:dyDescent="0.75"/>
    <row r="280" ht="14.25" customHeight="1" x14ac:dyDescent="0.75"/>
    <row r="281" ht="14.25" customHeight="1" x14ac:dyDescent="0.75"/>
    <row r="282" ht="14.25" customHeight="1" x14ac:dyDescent="0.75"/>
    <row r="283" ht="14.25" customHeight="1" x14ac:dyDescent="0.75"/>
    <row r="284" ht="14.25" customHeight="1" x14ac:dyDescent="0.75"/>
    <row r="285" ht="14.25" customHeight="1" x14ac:dyDescent="0.75"/>
    <row r="286" ht="14.25" customHeight="1" x14ac:dyDescent="0.75"/>
    <row r="287" ht="14.25" customHeight="1" x14ac:dyDescent="0.75"/>
    <row r="288" ht="14.25" customHeight="1" x14ac:dyDescent="0.75"/>
    <row r="289" ht="14.25" customHeight="1" x14ac:dyDescent="0.75"/>
    <row r="290" ht="14.25" customHeight="1" x14ac:dyDescent="0.75"/>
    <row r="291" ht="14.25" customHeight="1" x14ac:dyDescent="0.75"/>
    <row r="292" ht="14.25" customHeight="1" x14ac:dyDescent="0.75"/>
    <row r="293" ht="14.25" customHeight="1" x14ac:dyDescent="0.75"/>
    <row r="294" ht="14.25" customHeight="1" x14ac:dyDescent="0.75"/>
    <row r="295" ht="14.25" customHeight="1" x14ac:dyDescent="0.75"/>
    <row r="296" ht="14.25" customHeight="1" x14ac:dyDescent="0.75"/>
    <row r="297" ht="14.25" customHeight="1" x14ac:dyDescent="0.75"/>
    <row r="298" ht="14.25" customHeight="1" x14ac:dyDescent="0.75"/>
    <row r="299" ht="14.25" customHeight="1" x14ac:dyDescent="0.75"/>
    <row r="300" ht="14.25" customHeight="1" x14ac:dyDescent="0.75"/>
    <row r="301" ht="14.25" customHeight="1" x14ac:dyDescent="0.75"/>
    <row r="302" ht="14.25" customHeight="1" x14ac:dyDescent="0.75"/>
    <row r="303" ht="14.25" customHeight="1" x14ac:dyDescent="0.75"/>
    <row r="304" ht="14.25" customHeight="1" x14ac:dyDescent="0.75"/>
    <row r="305" ht="14.25" customHeight="1" x14ac:dyDescent="0.75"/>
    <row r="306" ht="14.25" customHeight="1" x14ac:dyDescent="0.75"/>
    <row r="307" ht="14.25" customHeight="1" x14ac:dyDescent="0.75"/>
    <row r="308" ht="14.25" customHeight="1" x14ac:dyDescent="0.75"/>
    <row r="309" ht="14.25" customHeight="1" x14ac:dyDescent="0.75"/>
    <row r="310" ht="14.25" customHeight="1" x14ac:dyDescent="0.75"/>
    <row r="311" ht="14.25" customHeight="1" x14ac:dyDescent="0.75"/>
    <row r="312" ht="14.25" customHeight="1" x14ac:dyDescent="0.75"/>
    <row r="313" ht="14.25" customHeight="1" x14ac:dyDescent="0.75"/>
    <row r="314" ht="14.25" customHeight="1" x14ac:dyDescent="0.75"/>
    <row r="315" ht="14.25" customHeight="1" x14ac:dyDescent="0.75"/>
    <row r="316" ht="14.25" customHeight="1" x14ac:dyDescent="0.75"/>
    <row r="317" ht="14.25" customHeight="1" x14ac:dyDescent="0.75"/>
    <row r="318" ht="14.25" customHeight="1" x14ac:dyDescent="0.75"/>
    <row r="319" ht="14.25" customHeight="1" x14ac:dyDescent="0.75"/>
    <row r="320" ht="14.25" customHeight="1" x14ac:dyDescent="0.75"/>
    <row r="321" ht="14.25" customHeight="1" x14ac:dyDescent="0.75"/>
    <row r="322" ht="14.25" customHeight="1" x14ac:dyDescent="0.75"/>
    <row r="323" ht="14.25" customHeight="1" x14ac:dyDescent="0.75"/>
    <row r="324" ht="14.25" customHeight="1" x14ac:dyDescent="0.75"/>
    <row r="325" ht="14.25" customHeight="1" x14ac:dyDescent="0.75"/>
    <row r="326" ht="14.25" customHeight="1" x14ac:dyDescent="0.75"/>
    <row r="327" ht="14.25" customHeight="1" x14ac:dyDescent="0.75"/>
    <row r="328" ht="14.25" customHeight="1" x14ac:dyDescent="0.75"/>
    <row r="329" ht="14.25" customHeight="1" x14ac:dyDescent="0.75"/>
    <row r="330" ht="14.25" customHeight="1" x14ac:dyDescent="0.75"/>
    <row r="331" ht="14.25" customHeight="1" x14ac:dyDescent="0.75"/>
    <row r="332" ht="14.25" customHeight="1" x14ac:dyDescent="0.75"/>
    <row r="333" ht="14.25" customHeight="1" x14ac:dyDescent="0.75"/>
    <row r="334" ht="14.25" customHeight="1" x14ac:dyDescent="0.75"/>
    <row r="335" ht="14.25" customHeight="1" x14ac:dyDescent="0.75"/>
    <row r="336" ht="14.25" customHeight="1" x14ac:dyDescent="0.75"/>
    <row r="337" ht="14.25" customHeight="1" x14ac:dyDescent="0.75"/>
    <row r="338" ht="14.25" customHeight="1" x14ac:dyDescent="0.75"/>
    <row r="339" ht="14.25" customHeight="1" x14ac:dyDescent="0.75"/>
    <row r="340" ht="14.25" customHeight="1" x14ac:dyDescent="0.75"/>
    <row r="341" ht="14.25" customHeight="1" x14ac:dyDescent="0.75"/>
    <row r="342" ht="14.25" customHeight="1" x14ac:dyDescent="0.75"/>
    <row r="343" ht="14.25" customHeight="1" x14ac:dyDescent="0.75"/>
    <row r="344" ht="14.25" customHeight="1" x14ac:dyDescent="0.75"/>
    <row r="345" ht="14.25" customHeight="1" x14ac:dyDescent="0.75"/>
    <row r="346" ht="14.25" customHeight="1" x14ac:dyDescent="0.75"/>
    <row r="347" ht="14.25" customHeight="1" x14ac:dyDescent="0.75"/>
    <row r="348" ht="14.25" customHeight="1" x14ac:dyDescent="0.75"/>
    <row r="349" ht="14.25" customHeight="1" x14ac:dyDescent="0.75"/>
    <row r="350" ht="14.25" customHeight="1" x14ac:dyDescent="0.75"/>
    <row r="351" ht="14.25" customHeight="1" x14ac:dyDescent="0.75"/>
    <row r="352" ht="14.25" customHeight="1" x14ac:dyDescent="0.75"/>
    <row r="353" ht="14.25" customHeight="1" x14ac:dyDescent="0.75"/>
    <row r="354" ht="14.25" customHeight="1" x14ac:dyDescent="0.75"/>
    <row r="355" ht="14.25" customHeight="1" x14ac:dyDescent="0.75"/>
    <row r="356" ht="14.25" customHeight="1" x14ac:dyDescent="0.75"/>
    <row r="357" ht="14.25" customHeight="1" x14ac:dyDescent="0.75"/>
    <row r="358" ht="14.25" customHeight="1" x14ac:dyDescent="0.75"/>
    <row r="359" ht="14.25" customHeight="1" x14ac:dyDescent="0.75"/>
    <row r="360" ht="14.25" customHeight="1" x14ac:dyDescent="0.75"/>
    <row r="361" ht="14.25" customHeight="1" x14ac:dyDescent="0.75"/>
    <row r="362" ht="14.25" customHeight="1" x14ac:dyDescent="0.75"/>
    <row r="363" ht="14.25" customHeight="1" x14ac:dyDescent="0.75"/>
    <row r="364" ht="14.25" customHeight="1" x14ac:dyDescent="0.75"/>
    <row r="365" ht="14.25" customHeight="1" x14ac:dyDescent="0.75"/>
    <row r="366" ht="14.25" customHeight="1" x14ac:dyDescent="0.75"/>
    <row r="367" ht="14.25" customHeight="1" x14ac:dyDescent="0.75"/>
    <row r="368" ht="14.25" customHeight="1" x14ac:dyDescent="0.75"/>
    <row r="369" ht="14.25" customHeight="1" x14ac:dyDescent="0.75"/>
    <row r="370" ht="14.25" customHeight="1" x14ac:dyDescent="0.75"/>
    <row r="371" ht="14.25" customHeight="1" x14ac:dyDescent="0.75"/>
    <row r="372" ht="14.25" customHeight="1" x14ac:dyDescent="0.75"/>
    <row r="373" ht="14.25" customHeight="1" x14ac:dyDescent="0.75"/>
    <row r="374" ht="14.25" customHeight="1" x14ac:dyDescent="0.75"/>
    <row r="375" ht="14.25" customHeight="1" x14ac:dyDescent="0.75"/>
    <row r="376" ht="14.25" customHeight="1" x14ac:dyDescent="0.75"/>
    <row r="377" ht="14.25" customHeight="1" x14ac:dyDescent="0.75"/>
    <row r="378" ht="14.25" customHeight="1" x14ac:dyDescent="0.75"/>
    <row r="379" ht="14.25" customHeight="1" x14ac:dyDescent="0.75"/>
    <row r="380" ht="14.25" customHeight="1" x14ac:dyDescent="0.75"/>
    <row r="381" ht="14.25" customHeight="1" x14ac:dyDescent="0.75"/>
    <row r="382" ht="14.25" customHeight="1" x14ac:dyDescent="0.75"/>
    <row r="383" ht="14.25" customHeight="1" x14ac:dyDescent="0.75"/>
    <row r="384" ht="14.25" customHeight="1" x14ac:dyDescent="0.75"/>
    <row r="385" ht="14.25" customHeight="1" x14ac:dyDescent="0.75"/>
    <row r="386" ht="14.25" customHeight="1" x14ac:dyDescent="0.75"/>
    <row r="387" ht="14.25" customHeight="1" x14ac:dyDescent="0.75"/>
    <row r="388" ht="14.25" customHeight="1" x14ac:dyDescent="0.75"/>
    <row r="389" ht="14.25" customHeight="1" x14ac:dyDescent="0.75"/>
    <row r="390" ht="14.25" customHeight="1" x14ac:dyDescent="0.75"/>
    <row r="391" ht="14.25" customHeight="1" x14ac:dyDescent="0.75"/>
    <row r="392" ht="14.25" customHeight="1" x14ac:dyDescent="0.75"/>
    <row r="393" ht="14.25" customHeight="1" x14ac:dyDescent="0.75"/>
    <row r="394" ht="14.25" customHeight="1" x14ac:dyDescent="0.75"/>
    <row r="395" ht="14.25" customHeight="1" x14ac:dyDescent="0.75"/>
    <row r="396" ht="14.25" customHeight="1" x14ac:dyDescent="0.75"/>
    <row r="397" ht="14.25" customHeight="1" x14ac:dyDescent="0.75"/>
    <row r="398" ht="14.25" customHeight="1" x14ac:dyDescent="0.75"/>
    <row r="399" ht="14.25" customHeight="1" x14ac:dyDescent="0.75"/>
    <row r="400" ht="14.25" customHeight="1" x14ac:dyDescent="0.75"/>
    <row r="401" ht="14.25" customHeight="1" x14ac:dyDescent="0.75"/>
    <row r="402" ht="14.25" customHeight="1" x14ac:dyDescent="0.75"/>
    <row r="403" ht="14.25" customHeight="1" x14ac:dyDescent="0.75"/>
    <row r="404" ht="14.25" customHeight="1" x14ac:dyDescent="0.75"/>
    <row r="405" ht="14.25" customHeight="1" x14ac:dyDescent="0.75"/>
    <row r="406" ht="14.25" customHeight="1" x14ac:dyDescent="0.75"/>
    <row r="407" ht="14.25" customHeight="1" x14ac:dyDescent="0.75"/>
    <row r="408" ht="14.25" customHeight="1" x14ac:dyDescent="0.75"/>
    <row r="409" ht="14.25" customHeight="1" x14ac:dyDescent="0.75"/>
    <row r="410" ht="14.25" customHeight="1" x14ac:dyDescent="0.75"/>
    <row r="411" ht="14.25" customHeight="1" x14ac:dyDescent="0.75"/>
    <row r="412" ht="14.25" customHeight="1" x14ac:dyDescent="0.75"/>
    <row r="413" ht="14.25" customHeight="1" x14ac:dyDescent="0.75"/>
    <row r="414" ht="14.25" customHeight="1" x14ac:dyDescent="0.75"/>
    <row r="415" ht="14.25" customHeight="1" x14ac:dyDescent="0.75"/>
    <row r="416" ht="14.25" customHeight="1" x14ac:dyDescent="0.75"/>
    <row r="417" ht="14.25" customHeight="1" x14ac:dyDescent="0.75"/>
    <row r="418" ht="14.25" customHeight="1" x14ac:dyDescent="0.75"/>
    <row r="419" ht="14.25" customHeight="1" x14ac:dyDescent="0.75"/>
    <row r="420" ht="14.25" customHeight="1" x14ac:dyDescent="0.75"/>
    <row r="421" ht="14.25" customHeight="1" x14ac:dyDescent="0.75"/>
    <row r="422" ht="14.25" customHeight="1" x14ac:dyDescent="0.75"/>
    <row r="423" ht="14.25" customHeight="1" x14ac:dyDescent="0.75"/>
    <row r="424" ht="14.25" customHeight="1" x14ac:dyDescent="0.75"/>
    <row r="425" ht="14.25" customHeight="1" x14ac:dyDescent="0.75"/>
    <row r="426" ht="14.25" customHeight="1" x14ac:dyDescent="0.75"/>
    <row r="427" ht="14.25" customHeight="1" x14ac:dyDescent="0.75"/>
    <row r="428" ht="14.25" customHeight="1" x14ac:dyDescent="0.75"/>
    <row r="429" ht="14.25" customHeight="1" x14ac:dyDescent="0.75"/>
    <row r="430" ht="14.25" customHeight="1" x14ac:dyDescent="0.75"/>
    <row r="431" ht="14.25" customHeight="1" x14ac:dyDescent="0.75"/>
    <row r="432" ht="14.25" customHeight="1" x14ac:dyDescent="0.75"/>
    <row r="433" ht="14.25" customHeight="1" x14ac:dyDescent="0.75"/>
    <row r="434" ht="14.25" customHeight="1" x14ac:dyDescent="0.75"/>
    <row r="435" ht="14.25" customHeight="1" x14ac:dyDescent="0.75"/>
    <row r="436" ht="14.25" customHeight="1" x14ac:dyDescent="0.75"/>
    <row r="437" ht="14.25" customHeight="1" x14ac:dyDescent="0.75"/>
    <row r="438" ht="14.25" customHeight="1" x14ac:dyDescent="0.75"/>
    <row r="439" ht="14.25" customHeight="1" x14ac:dyDescent="0.75"/>
    <row r="440" ht="14.25" customHeight="1" x14ac:dyDescent="0.75"/>
    <row r="441" ht="14.25" customHeight="1" x14ac:dyDescent="0.75"/>
    <row r="442" ht="14.25" customHeight="1" x14ac:dyDescent="0.75"/>
    <row r="443" ht="14.25" customHeight="1" x14ac:dyDescent="0.75"/>
    <row r="444" ht="14.25" customHeight="1" x14ac:dyDescent="0.75"/>
    <row r="445" ht="14.25" customHeight="1" x14ac:dyDescent="0.75"/>
    <row r="446" ht="14.25" customHeight="1" x14ac:dyDescent="0.75"/>
    <row r="447" ht="14.25" customHeight="1" x14ac:dyDescent="0.75"/>
    <row r="448" ht="14.25" customHeight="1" x14ac:dyDescent="0.75"/>
    <row r="449" ht="14.25" customHeight="1" x14ac:dyDescent="0.75"/>
    <row r="450" ht="14.25" customHeight="1" x14ac:dyDescent="0.75"/>
    <row r="451" ht="14.25" customHeight="1" x14ac:dyDescent="0.75"/>
    <row r="452" ht="14.25" customHeight="1" x14ac:dyDescent="0.75"/>
    <row r="453" ht="14.25" customHeight="1" x14ac:dyDescent="0.75"/>
    <row r="454" ht="14.25" customHeight="1" x14ac:dyDescent="0.75"/>
    <row r="455" ht="14.25" customHeight="1" x14ac:dyDescent="0.75"/>
    <row r="456" ht="14.25" customHeight="1" x14ac:dyDescent="0.75"/>
    <row r="457" ht="14.25" customHeight="1" x14ac:dyDescent="0.75"/>
    <row r="458" ht="14.25" customHeight="1" x14ac:dyDescent="0.75"/>
    <row r="459" ht="14.25" customHeight="1" x14ac:dyDescent="0.75"/>
    <row r="460" ht="14.25" customHeight="1" x14ac:dyDescent="0.75"/>
    <row r="461" ht="14.25" customHeight="1" x14ac:dyDescent="0.75"/>
    <row r="462" ht="14.25" customHeight="1" x14ac:dyDescent="0.75"/>
    <row r="463" ht="14.25" customHeight="1" x14ac:dyDescent="0.75"/>
    <row r="464" ht="14.25" customHeight="1" x14ac:dyDescent="0.75"/>
    <row r="465" ht="14.25" customHeight="1" x14ac:dyDescent="0.75"/>
    <row r="466" ht="14.25" customHeight="1" x14ac:dyDescent="0.75"/>
    <row r="467" ht="14.25" customHeight="1" x14ac:dyDescent="0.75"/>
    <row r="468" ht="14.25" customHeight="1" x14ac:dyDescent="0.75"/>
    <row r="469" ht="14.25" customHeight="1" x14ac:dyDescent="0.75"/>
    <row r="470" ht="14.25" customHeight="1" x14ac:dyDescent="0.75"/>
    <row r="471" ht="14.25" customHeight="1" x14ac:dyDescent="0.75"/>
    <row r="472" ht="14.25" customHeight="1" x14ac:dyDescent="0.75"/>
    <row r="473" ht="14.25" customHeight="1" x14ac:dyDescent="0.75"/>
    <row r="474" ht="14.25" customHeight="1" x14ac:dyDescent="0.75"/>
    <row r="475" ht="14.25" customHeight="1" x14ac:dyDescent="0.75"/>
    <row r="476" ht="14.25" customHeight="1" x14ac:dyDescent="0.75"/>
    <row r="477" ht="14.25" customHeight="1" x14ac:dyDescent="0.75"/>
    <row r="478" ht="14.25" customHeight="1" x14ac:dyDescent="0.75"/>
    <row r="479" ht="14.25" customHeight="1" x14ac:dyDescent="0.75"/>
    <row r="480" ht="14.25" customHeight="1" x14ac:dyDescent="0.75"/>
    <row r="481" ht="14.25" customHeight="1" x14ac:dyDescent="0.75"/>
    <row r="482" ht="14.25" customHeight="1" x14ac:dyDescent="0.75"/>
    <row r="483" ht="14.25" customHeight="1" x14ac:dyDescent="0.75"/>
    <row r="484" ht="14.25" customHeight="1" x14ac:dyDescent="0.75"/>
    <row r="485" ht="14.25" customHeight="1" x14ac:dyDescent="0.75"/>
    <row r="486" ht="14.25" customHeight="1" x14ac:dyDescent="0.75"/>
    <row r="487" ht="14.25" customHeight="1" x14ac:dyDescent="0.75"/>
    <row r="488" ht="14.25" customHeight="1" x14ac:dyDescent="0.75"/>
    <row r="489" ht="14.25" customHeight="1" x14ac:dyDescent="0.75"/>
    <row r="490" ht="14.25" customHeight="1" x14ac:dyDescent="0.75"/>
    <row r="491" ht="14.25" customHeight="1" x14ac:dyDescent="0.75"/>
    <row r="492" ht="14.25" customHeight="1" x14ac:dyDescent="0.75"/>
    <row r="493" ht="14.25" customHeight="1" x14ac:dyDescent="0.75"/>
    <row r="494" ht="14.25" customHeight="1" x14ac:dyDescent="0.75"/>
    <row r="495" ht="14.25" customHeight="1" x14ac:dyDescent="0.75"/>
    <row r="496" ht="14.25" customHeight="1" x14ac:dyDescent="0.75"/>
    <row r="497" ht="14.25" customHeight="1" x14ac:dyDescent="0.75"/>
    <row r="498" ht="14.25" customHeight="1" x14ac:dyDescent="0.75"/>
    <row r="499" ht="14.25" customHeight="1" x14ac:dyDescent="0.75"/>
    <row r="500" ht="14.25" customHeight="1" x14ac:dyDescent="0.75"/>
    <row r="501" ht="14.25" customHeight="1" x14ac:dyDescent="0.75"/>
    <row r="502" ht="14.25" customHeight="1" x14ac:dyDescent="0.75"/>
    <row r="503" ht="14.25" customHeight="1" x14ac:dyDescent="0.75"/>
    <row r="504" ht="14.25" customHeight="1" x14ac:dyDescent="0.75"/>
    <row r="505" ht="14.25" customHeight="1" x14ac:dyDescent="0.75"/>
    <row r="506" ht="14.25" customHeight="1" x14ac:dyDescent="0.75"/>
    <row r="507" ht="14.25" customHeight="1" x14ac:dyDescent="0.75"/>
    <row r="508" ht="14.25" customHeight="1" x14ac:dyDescent="0.75"/>
    <row r="509" ht="14.25" customHeight="1" x14ac:dyDescent="0.75"/>
    <row r="510" ht="14.25" customHeight="1" x14ac:dyDescent="0.75"/>
    <row r="511" ht="14.25" customHeight="1" x14ac:dyDescent="0.75"/>
    <row r="512" ht="14.25" customHeight="1" x14ac:dyDescent="0.75"/>
    <row r="513" ht="14.25" customHeight="1" x14ac:dyDescent="0.75"/>
    <row r="514" ht="14.25" customHeight="1" x14ac:dyDescent="0.75"/>
    <row r="515" ht="14.25" customHeight="1" x14ac:dyDescent="0.75"/>
    <row r="516" ht="14.25" customHeight="1" x14ac:dyDescent="0.75"/>
    <row r="517" ht="14.25" customHeight="1" x14ac:dyDescent="0.75"/>
    <row r="518" ht="14.25" customHeight="1" x14ac:dyDescent="0.75"/>
    <row r="519" ht="14.25" customHeight="1" x14ac:dyDescent="0.75"/>
    <row r="520" ht="14.25" customHeight="1" x14ac:dyDescent="0.75"/>
    <row r="521" ht="14.25" customHeight="1" x14ac:dyDescent="0.75"/>
    <row r="522" ht="14.25" customHeight="1" x14ac:dyDescent="0.75"/>
    <row r="523" ht="14.25" customHeight="1" x14ac:dyDescent="0.75"/>
    <row r="524" ht="14.25" customHeight="1" x14ac:dyDescent="0.75"/>
    <row r="525" ht="14.25" customHeight="1" x14ac:dyDescent="0.75"/>
    <row r="526" ht="14.25" customHeight="1" x14ac:dyDescent="0.75"/>
    <row r="527" ht="14.25" customHeight="1" x14ac:dyDescent="0.75"/>
    <row r="528" ht="14.25" customHeight="1" x14ac:dyDescent="0.75"/>
    <row r="529" ht="14.25" customHeight="1" x14ac:dyDescent="0.75"/>
    <row r="530" ht="14.25" customHeight="1" x14ac:dyDescent="0.75"/>
    <row r="531" ht="14.25" customHeight="1" x14ac:dyDescent="0.75"/>
    <row r="532" ht="14.25" customHeight="1" x14ac:dyDescent="0.75"/>
    <row r="533" ht="14.25" customHeight="1" x14ac:dyDescent="0.75"/>
    <row r="534" ht="14.25" customHeight="1" x14ac:dyDescent="0.75"/>
    <row r="535" ht="14.25" customHeight="1" x14ac:dyDescent="0.75"/>
    <row r="536" ht="14.25" customHeight="1" x14ac:dyDescent="0.75"/>
    <row r="537" ht="14.25" customHeight="1" x14ac:dyDescent="0.75"/>
    <row r="538" ht="14.25" customHeight="1" x14ac:dyDescent="0.75"/>
    <row r="539" ht="14.25" customHeight="1" x14ac:dyDescent="0.75"/>
    <row r="540" ht="14.25" customHeight="1" x14ac:dyDescent="0.75"/>
    <row r="541" ht="14.25" customHeight="1" x14ac:dyDescent="0.75"/>
    <row r="542" ht="14.25" customHeight="1" x14ac:dyDescent="0.75"/>
    <row r="543" ht="14.25" customHeight="1" x14ac:dyDescent="0.75"/>
    <row r="544" ht="14.25" customHeight="1" x14ac:dyDescent="0.75"/>
    <row r="545" ht="14.25" customHeight="1" x14ac:dyDescent="0.75"/>
    <row r="546" ht="14.25" customHeight="1" x14ac:dyDescent="0.75"/>
    <row r="547" ht="14.25" customHeight="1" x14ac:dyDescent="0.75"/>
    <row r="548" ht="14.25" customHeight="1" x14ac:dyDescent="0.75"/>
    <row r="549" ht="14.25" customHeight="1" x14ac:dyDescent="0.75"/>
    <row r="550" ht="14.25" customHeight="1" x14ac:dyDescent="0.75"/>
    <row r="551" ht="14.25" customHeight="1" x14ac:dyDescent="0.75"/>
    <row r="552" ht="14.25" customHeight="1" x14ac:dyDescent="0.75"/>
    <row r="553" ht="14.25" customHeight="1" x14ac:dyDescent="0.75"/>
    <row r="554" ht="14.25" customHeight="1" x14ac:dyDescent="0.75"/>
    <row r="555" ht="14.25" customHeight="1" x14ac:dyDescent="0.75"/>
    <row r="556" ht="14.25" customHeight="1" x14ac:dyDescent="0.75"/>
    <row r="557" ht="14.25" customHeight="1" x14ac:dyDescent="0.75"/>
    <row r="558" ht="14.25" customHeight="1" x14ac:dyDescent="0.75"/>
    <row r="559" ht="14.25" customHeight="1" x14ac:dyDescent="0.75"/>
    <row r="560" ht="14.25" customHeight="1" x14ac:dyDescent="0.75"/>
    <row r="561" ht="14.25" customHeight="1" x14ac:dyDescent="0.75"/>
    <row r="562" ht="14.25" customHeight="1" x14ac:dyDescent="0.75"/>
    <row r="563" ht="14.25" customHeight="1" x14ac:dyDescent="0.75"/>
    <row r="564" ht="14.25" customHeight="1" x14ac:dyDescent="0.75"/>
    <row r="565" ht="14.25" customHeight="1" x14ac:dyDescent="0.75"/>
    <row r="566" ht="14.25" customHeight="1" x14ac:dyDescent="0.75"/>
    <row r="567" ht="14.25" customHeight="1" x14ac:dyDescent="0.75"/>
    <row r="568" ht="14.25" customHeight="1" x14ac:dyDescent="0.75"/>
    <row r="569" ht="14.25" customHeight="1" x14ac:dyDescent="0.75"/>
    <row r="570" ht="14.25" customHeight="1" x14ac:dyDescent="0.75"/>
    <row r="571" ht="14.25" customHeight="1" x14ac:dyDescent="0.75"/>
    <row r="572" ht="14.25" customHeight="1" x14ac:dyDescent="0.75"/>
    <row r="573" ht="14.25" customHeight="1" x14ac:dyDescent="0.75"/>
    <row r="574" ht="14.25" customHeight="1" x14ac:dyDescent="0.75"/>
    <row r="575" ht="14.25" customHeight="1" x14ac:dyDescent="0.75"/>
    <row r="576" ht="14.25" customHeight="1" x14ac:dyDescent="0.75"/>
    <row r="577" ht="14.25" customHeight="1" x14ac:dyDescent="0.75"/>
    <row r="578" ht="14.25" customHeight="1" x14ac:dyDescent="0.75"/>
    <row r="579" ht="14.25" customHeight="1" x14ac:dyDescent="0.75"/>
    <row r="580" ht="14.25" customHeight="1" x14ac:dyDescent="0.75"/>
    <row r="581" ht="14.25" customHeight="1" x14ac:dyDescent="0.75"/>
    <row r="582" ht="14.25" customHeight="1" x14ac:dyDescent="0.75"/>
    <row r="583" ht="14.25" customHeight="1" x14ac:dyDescent="0.75"/>
    <row r="584" ht="14.25" customHeight="1" x14ac:dyDescent="0.75"/>
    <row r="585" ht="14.25" customHeight="1" x14ac:dyDescent="0.75"/>
    <row r="586" ht="14.25" customHeight="1" x14ac:dyDescent="0.75"/>
    <row r="587" ht="14.25" customHeight="1" x14ac:dyDescent="0.75"/>
    <row r="588" ht="14.25" customHeight="1" x14ac:dyDescent="0.75"/>
    <row r="589" ht="14.25" customHeight="1" x14ac:dyDescent="0.75"/>
    <row r="590" ht="14.25" customHeight="1" x14ac:dyDescent="0.75"/>
    <row r="591" ht="14.25" customHeight="1" x14ac:dyDescent="0.75"/>
    <row r="592" ht="14.25" customHeight="1" x14ac:dyDescent="0.75"/>
    <row r="593" ht="14.25" customHeight="1" x14ac:dyDescent="0.75"/>
    <row r="594" ht="14.25" customHeight="1" x14ac:dyDescent="0.75"/>
    <row r="595" ht="14.25" customHeight="1" x14ac:dyDescent="0.75"/>
    <row r="596" ht="14.25" customHeight="1" x14ac:dyDescent="0.75"/>
    <row r="597" ht="14.25" customHeight="1" x14ac:dyDescent="0.75"/>
    <row r="598" ht="14.25" customHeight="1" x14ac:dyDescent="0.75"/>
    <row r="599" ht="14.25" customHeight="1" x14ac:dyDescent="0.75"/>
    <row r="600" ht="14.25" customHeight="1" x14ac:dyDescent="0.75"/>
    <row r="601" ht="14.25" customHeight="1" x14ac:dyDescent="0.75"/>
    <row r="602" ht="14.25" customHeight="1" x14ac:dyDescent="0.75"/>
    <row r="603" ht="14.25" customHeight="1" x14ac:dyDescent="0.75"/>
    <row r="604" ht="14.25" customHeight="1" x14ac:dyDescent="0.75"/>
    <row r="605" ht="14.25" customHeight="1" x14ac:dyDescent="0.75"/>
    <row r="606" ht="14.25" customHeight="1" x14ac:dyDescent="0.75"/>
    <row r="607" ht="14.25" customHeight="1" x14ac:dyDescent="0.75"/>
    <row r="608" ht="14.25" customHeight="1" x14ac:dyDescent="0.75"/>
    <row r="609" ht="14.25" customHeight="1" x14ac:dyDescent="0.75"/>
    <row r="610" ht="14.25" customHeight="1" x14ac:dyDescent="0.75"/>
    <row r="611" ht="14.25" customHeight="1" x14ac:dyDescent="0.75"/>
    <row r="612" ht="14.25" customHeight="1" x14ac:dyDescent="0.75"/>
    <row r="613" ht="14.25" customHeight="1" x14ac:dyDescent="0.75"/>
    <row r="614" ht="14.25" customHeight="1" x14ac:dyDescent="0.75"/>
    <row r="615" ht="14.25" customHeight="1" x14ac:dyDescent="0.75"/>
    <row r="616" ht="14.25" customHeight="1" x14ac:dyDescent="0.75"/>
    <row r="617" ht="14.25" customHeight="1" x14ac:dyDescent="0.75"/>
    <row r="618" ht="14.25" customHeight="1" x14ac:dyDescent="0.75"/>
    <row r="619" ht="14.25" customHeight="1" x14ac:dyDescent="0.75"/>
    <row r="620" ht="14.25" customHeight="1" x14ac:dyDescent="0.75"/>
    <row r="621" ht="14.25" customHeight="1" x14ac:dyDescent="0.75"/>
    <row r="622" ht="14.25" customHeight="1" x14ac:dyDescent="0.75"/>
    <row r="623" ht="14.25" customHeight="1" x14ac:dyDescent="0.75"/>
    <row r="624" ht="14.25" customHeight="1" x14ac:dyDescent="0.75"/>
    <row r="625" ht="14.25" customHeight="1" x14ac:dyDescent="0.75"/>
    <row r="626" ht="14.25" customHeight="1" x14ac:dyDescent="0.75"/>
    <row r="627" ht="14.25" customHeight="1" x14ac:dyDescent="0.75"/>
    <row r="628" ht="14.25" customHeight="1" x14ac:dyDescent="0.75"/>
    <row r="629" ht="14.25" customHeight="1" x14ac:dyDescent="0.75"/>
    <row r="630" ht="14.25" customHeight="1" x14ac:dyDescent="0.75"/>
    <row r="631" ht="14.25" customHeight="1" x14ac:dyDescent="0.75"/>
    <row r="632" ht="14.25" customHeight="1" x14ac:dyDescent="0.75"/>
    <row r="633" ht="14.25" customHeight="1" x14ac:dyDescent="0.75"/>
    <row r="634" ht="14.25" customHeight="1" x14ac:dyDescent="0.75"/>
    <row r="635" ht="14.25" customHeight="1" x14ac:dyDescent="0.75"/>
    <row r="636" ht="14.25" customHeight="1" x14ac:dyDescent="0.75"/>
    <row r="637" ht="14.25" customHeight="1" x14ac:dyDescent="0.75"/>
    <row r="638" ht="14.25" customHeight="1" x14ac:dyDescent="0.75"/>
    <row r="639" ht="14.25" customHeight="1" x14ac:dyDescent="0.75"/>
    <row r="640" ht="14.25" customHeight="1" x14ac:dyDescent="0.75"/>
    <row r="641" ht="14.25" customHeight="1" x14ac:dyDescent="0.75"/>
    <row r="642" ht="14.25" customHeight="1" x14ac:dyDescent="0.75"/>
    <row r="643" ht="14.25" customHeight="1" x14ac:dyDescent="0.75"/>
    <row r="644" ht="14.25" customHeight="1" x14ac:dyDescent="0.75"/>
    <row r="645" ht="14.25" customHeight="1" x14ac:dyDescent="0.75"/>
    <row r="646" ht="14.25" customHeight="1" x14ac:dyDescent="0.75"/>
    <row r="647" ht="14.25" customHeight="1" x14ac:dyDescent="0.75"/>
    <row r="648" ht="14.25" customHeight="1" x14ac:dyDescent="0.75"/>
    <row r="649" ht="14.25" customHeight="1" x14ac:dyDescent="0.75"/>
    <row r="650" ht="14.25" customHeight="1" x14ac:dyDescent="0.75"/>
    <row r="651" ht="14.25" customHeight="1" x14ac:dyDescent="0.75"/>
    <row r="652" ht="14.25" customHeight="1" x14ac:dyDescent="0.75"/>
    <row r="653" ht="14.25" customHeight="1" x14ac:dyDescent="0.75"/>
    <row r="654" ht="14.25" customHeight="1" x14ac:dyDescent="0.75"/>
    <row r="655" ht="14.25" customHeight="1" x14ac:dyDescent="0.75"/>
    <row r="656" ht="14.25" customHeight="1" x14ac:dyDescent="0.75"/>
    <row r="657" ht="14.25" customHeight="1" x14ac:dyDescent="0.75"/>
    <row r="658" ht="14.25" customHeight="1" x14ac:dyDescent="0.75"/>
    <row r="659" ht="14.25" customHeight="1" x14ac:dyDescent="0.75"/>
    <row r="660" ht="14.25" customHeight="1" x14ac:dyDescent="0.75"/>
    <row r="661" ht="14.25" customHeight="1" x14ac:dyDescent="0.75"/>
    <row r="662" ht="14.25" customHeight="1" x14ac:dyDescent="0.75"/>
    <row r="663" ht="14.25" customHeight="1" x14ac:dyDescent="0.75"/>
    <row r="664" ht="14.25" customHeight="1" x14ac:dyDescent="0.75"/>
    <row r="665" ht="14.25" customHeight="1" x14ac:dyDescent="0.75"/>
    <row r="666" ht="14.25" customHeight="1" x14ac:dyDescent="0.75"/>
    <row r="667" ht="14.25" customHeight="1" x14ac:dyDescent="0.75"/>
    <row r="668" ht="14.25" customHeight="1" x14ac:dyDescent="0.75"/>
    <row r="669" ht="14.25" customHeight="1" x14ac:dyDescent="0.75"/>
    <row r="670" ht="14.25" customHeight="1" x14ac:dyDescent="0.75"/>
    <row r="671" ht="14.25" customHeight="1" x14ac:dyDescent="0.75"/>
    <row r="672" ht="14.25" customHeight="1" x14ac:dyDescent="0.75"/>
    <row r="673" ht="14.25" customHeight="1" x14ac:dyDescent="0.75"/>
    <row r="674" ht="14.25" customHeight="1" x14ac:dyDescent="0.75"/>
    <row r="675" ht="14.25" customHeight="1" x14ac:dyDescent="0.75"/>
    <row r="676" ht="14.25" customHeight="1" x14ac:dyDescent="0.75"/>
    <row r="677" ht="14.25" customHeight="1" x14ac:dyDescent="0.75"/>
    <row r="678" ht="14.25" customHeight="1" x14ac:dyDescent="0.75"/>
    <row r="679" ht="14.25" customHeight="1" x14ac:dyDescent="0.75"/>
    <row r="680" ht="14.25" customHeight="1" x14ac:dyDescent="0.75"/>
    <row r="681" ht="14.25" customHeight="1" x14ac:dyDescent="0.75"/>
    <row r="682" ht="14.25" customHeight="1" x14ac:dyDescent="0.75"/>
    <row r="683" ht="14.25" customHeight="1" x14ac:dyDescent="0.75"/>
    <row r="684" ht="14.25" customHeight="1" x14ac:dyDescent="0.75"/>
    <row r="685" ht="14.25" customHeight="1" x14ac:dyDescent="0.75"/>
    <row r="686" ht="14.25" customHeight="1" x14ac:dyDescent="0.75"/>
    <row r="687" ht="14.25" customHeight="1" x14ac:dyDescent="0.75"/>
    <row r="688" ht="14.25" customHeight="1" x14ac:dyDescent="0.75"/>
    <row r="689" ht="14.25" customHeight="1" x14ac:dyDescent="0.75"/>
    <row r="690" ht="14.25" customHeight="1" x14ac:dyDescent="0.75"/>
    <row r="691" ht="14.25" customHeight="1" x14ac:dyDescent="0.75"/>
    <row r="692" ht="14.25" customHeight="1" x14ac:dyDescent="0.75"/>
    <row r="693" ht="14.25" customHeight="1" x14ac:dyDescent="0.75"/>
    <row r="694" ht="14.25" customHeight="1" x14ac:dyDescent="0.75"/>
    <row r="695" ht="14.25" customHeight="1" x14ac:dyDescent="0.75"/>
    <row r="696" ht="14.25" customHeight="1" x14ac:dyDescent="0.75"/>
    <row r="697" ht="14.25" customHeight="1" x14ac:dyDescent="0.75"/>
    <row r="698" ht="14.25" customHeight="1" x14ac:dyDescent="0.75"/>
    <row r="699" ht="14.25" customHeight="1" x14ac:dyDescent="0.75"/>
    <row r="700" ht="14.25" customHeight="1" x14ac:dyDescent="0.75"/>
    <row r="701" ht="14.25" customHeight="1" x14ac:dyDescent="0.75"/>
    <row r="702" ht="14.25" customHeight="1" x14ac:dyDescent="0.75"/>
    <row r="703" ht="14.25" customHeight="1" x14ac:dyDescent="0.75"/>
    <row r="704" ht="14.25" customHeight="1" x14ac:dyDescent="0.75"/>
    <row r="705" ht="14.25" customHeight="1" x14ac:dyDescent="0.75"/>
    <row r="706" ht="14.25" customHeight="1" x14ac:dyDescent="0.75"/>
    <row r="707" ht="14.25" customHeight="1" x14ac:dyDescent="0.75"/>
    <row r="708" ht="14.25" customHeight="1" x14ac:dyDescent="0.75"/>
    <row r="709" ht="14.25" customHeight="1" x14ac:dyDescent="0.75"/>
    <row r="710" ht="14.25" customHeight="1" x14ac:dyDescent="0.75"/>
    <row r="711" ht="14.25" customHeight="1" x14ac:dyDescent="0.75"/>
    <row r="712" ht="14.25" customHeight="1" x14ac:dyDescent="0.75"/>
    <row r="713" ht="14.25" customHeight="1" x14ac:dyDescent="0.75"/>
    <row r="714" ht="14.25" customHeight="1" x14ac:dyDescent="0.75"/>
    <row r="715" ht="14.25" customHeight="1" x14ac:dyDescent="0.75"/>
    <row r="716" ht="14.25" customHeight="1" x14ac:dyDescent="0.75"/>
    <row r="717" ht="14.25" customHeight="1" x14ac:dyDescent="0.75"/>
    <row r="718" ht="14.25" customHeight="1" x14ac:dyDescent="0.75"/>
    <row r="719" ht="14.25" customHeight="1" x14ac:dyDescent="0.75"/>
    <row r="720" ht="14.25" customHeight="1" x14ac:dyDescent="0.75"/>
    <row r="721" ht="14.25" customHeight="1" x14ac:dyDescent="0.75"/>
    <row r="722" ht="14.25" customHeight="1" x14ac:dyDescent="0.75"/>
    <row r="723" ht="14.25" customHeight="1" x14ac:dyDescent="0.75"/>
    <row r="724" ht="14.25" customHeight="1" x14ac:dyDescent="0.75"/>
    <row r="725" ht="14.25" customHeight="1" x14ac:dyDescent="0.75"/>
    <row r="726" ht="14.25" customHeight="1" x14ac:dyDescent="0.75"/>
    <row r="727" ht="14.25" customHeight="1" x14ac:dyDescent="0.75"/>
    <row r="728" ht="14.25" customHeight="1" x14ac:dyDescent="0.75"/>
    <row r="729" ht="14.25" customHeight="1" x14ac:dyDescent="0.75"/>
    <row r="730" ht="14.25" customHeight="1" x14ac:dyDescent="0.75"/>
    <row r="731" ht="14.25" customHeight="1" x14ac:dyDescent="0.75"/>
    <row r="732" ht="14.25" customHeight="1" x14ac:dyDescent="0.75"/>
    <row r="733" ht="14.25" customHeight="1" x14ac:dyDescent="0.75"/>
    <row r="734" ht="14.25" customHeight="1" x14ac:dyDescent="0.75"/>
    <row r="735" ht="14.25" customHeight="1" x14ac:dyDescent="0.75"/>
    <row r="736" ht="14.25" customHeight="1" x14ac:dyDescent="0.75"/>
    <row r="737" ht="14.25" customHeight="1" x14ac:dyDescent="0.75"/>
    <row r="738" ht="14.25" customHeight="1" x14ac:dyDescent="0.75"/>
    <row r="739" ht="14.25" customHeight="1" x14ac:dyDescent="0.75"/>
    <row r="740" ht="14.25" customHeight="1" x14ac:dyDescent="0.75"/>
    <row r="741" ht="14.25" customHeight="1" x14ac:dyDescent="0.75"/>
    <row r="742" ht="14.25" customHeight="1" x14ac:dyDescent="0.75"/>
    <row r="743" ht="14.25" customHeight="1" x14ac:dyDescent="0.75"/>
    <row r="744" ht="14.25" customHeight="1" x14ac:dyDescent="0.75"/>
    <row r="745" ht="14.25" customHeight="1" x14ac:dyDescent="0.75"/>
    <row r="746" ht="14.25" customHeight="1" x14ac:dyDescent="0.75"/>
    <row r="747" ht="14.25" customHeight="1" x14ac:dyDescent="0.75"/>
    <row r="748" ht="14.25" customHeight="1" x14ac:dyDescent="0.75"/>
    <row r="749" ht="14.25" customHeight="1" x14ac:dyDescent="0.75"/>
    <row r="750" ht="14.25" customHeight="1" x14ac:dyDescent="0.75"/>
    <row r="751" ht="14.25" customHeight="1" x14ac:dyDescent="0.75"/>
    <row r="752" ht="14.25" customHeight="1" x14ac:dyDescent="0.75"/>
    <row r="753" ht="14.25" customHeight="1" x14ac:dyDescent="0.75"/>
    <row r="754" ht="14.25" customHeight="1" x14ac:dyDescent="0.75"/>
    <row r="755" ht="14.25" customHeight="1" x14ac:dyDescent="0.75"/>
    <row r="756" ht="14.25" customHeight="1" x14ac:dyDescent="0.75"/>
    <row r="757" ht="14.25" customHeight="1" x14ac:dyDescent="0.75"/>
    <row r="758" ht="14.25" customHeight="1" x14ac:dyDescent="0.75"/>
    <row r="759" ht="14.25" customHeight="1" x14ac:dyDescent="0.75"/>
    <row r="760" ht="14.25" customHeight="1" x14ac:dyDescent="0.75"/>
    <row r="761" ht="14.25" customHeight="1" x14ac:dyDescent="0.75"/>
    <row r="762" ht="14.25" customHeight="1" x14ac:dyDescent="0.75"/>
    <row r="763" ht="14.25" customHeight="1" x14ac:dyDescent="0.75"/>
    <row r="764" ht="14.25" customHeight="1" x14ac:dyDescent="0.75"/>
    <row r="765" ht="14.25" customHeight="1" x14ac:dyDescent="0.75"/>
    <row r="766" ht="14.25" customHeight="1" x14ac:dyDescent="0.75"/>
    <row r="767" ht="14.25" customHeight="1" x14ac:dyDescent="0.75"/>
    <row r="768" ht="14.25" customHeight="1" x14ac:dyDescent="0.75"/>
    <row r="769" ht="14.25" customHeight="1" x14ac:dyDescent="0.75"/>
    <row r="770" ht="14.25" customHeight="1" x14ac:dyDescent="0.75"/>
    <row r="771" ht="14.25" customHeight="1" x14ac:dyDescent="0.75"/>
    <row r="772" ht="14.25" customHeight="1" x14ac:dyDescent="0.75"/>
    <row r="773" ht="14.25" customHeight="1" x14ac:dyDescent="0.75"/>
    <row r="774" ht="14.25" customHeight="1" x14ac:dyDescent="0.75"/>
    <row r="775" ht="14.25" customHeight="1" x14ac:dyDescent="0.75"/>
    <row r="776" ht="14.25" customHeight="1" x14ac:dyDescent="0.75"/>
    <row r="777" ht="14.25" customHeight="1" x14ac:dyDescent="0.75"/>
    <row r="778" ht="14.25" customHeight="1" x14ac:dyDescent="0.75"/>
    <row r="779" ht="14.25" customHeight="1" x14ac:dyDescent="0.75"/>
    <row r="780" ht="14.25" customHeight="1" x14ac:dyDescent="0.75"/>
    <row r="781" ht="14.25" customHeight="1" x14ac:dyDescent="0.75"/>
    <row r="782" ht="14.25" customHeight="1" x14ac:dyDescent="0.75"/>
    <row r="783" ht="14.25" customHeight="1" x14ac:dyDescent="0.75"/>
    <row r="784" ht="14.25" customHeight="1" x14ac:dyDescent="0.75"/>
    <row r="785" ht="14.25" customHeight="1" x14ac:dyDescent="0.75"/>
    <row r="786" ht="14.25" customHeight="1" x14ac:dyDescent="0.75"/>
    <row r="787" ht="14.25" customHeight="1" x14ac:dyDescent="0.75"/>
    <row r="788" ht="14.25" customHeight="1" x14ac:dyDescent="0.75"/>
    <row r="789" ht="14.25" customHeight="1" x14ac:dyDescent="0.75"/>
    <row r="790" ht="14.25" customHeight="1" x14ac:dyDescent="0.75"/>
    <row r="791" ht="14.25" customHeight="1" x14ac:dyDescent="0.75"/>
    <row r="792" ht="14.25" customHeight="1" x14ac:dyDescent="0.75"/>
    <row r="793" ht="14.25" customHeight="1" x14ac:dyDescent="0.75"/>
    <row r="794" ht="14.25" customHeight="1" x14ac:dyDescent="0.75"/>
    <row r="795" ht="14.25" customHeight="1" x14ac:dyDescent="0.75"/>
    <row r="796" ht="14.25" customHeight="1" x14ac:dyDescent="0.75"/>
    <row r="797" ht="14.25" customHeight="1" x14ac:dyDescent="0.75"/>
    <row r="798" ht="14.25" customHeight="1" x14ac:dyDescent="0.75"/>
    <row r="799" ht="14.25" customHeight="1" x14ac:dyDescent="0.75"/>
    <row r="800" ht="14.25" customHeight="1" x14ac:dyDescent="0.75"/>
    <row r="801" ht="14.25" customHeight="1" x14ac:dyDescent="0.75"/>
    <row r="802" ht="14.25" customHeight="1" x14ac:dyDescent="0.75"/>
    <row r="803" ht="14.25" customHeight="1" x14ac:dyDescent="0.75"/>
    <row r="804" ht="14.25" customHeight="1" x14ac:dyDescent="0.75"/>
    <row r="805" ht="14.25" customHeight="1" x14ac:dyDescent="0.75"/>
    <row r="806" ht="14.25" customHeight="1" x14ac:dyDescent="0.75"/>
    <row r="807" ht="14.25" customHeight="1" x14ac:dyDescent="0.75"/>
    <row r="808" ht="14.25" customHeight="1" x14ac:dyDescent="0.75"/>
    <row r="809" ht="14.25" customHeight="1" x14ac:dyDescent="0.75"/>
    <row r="810" ht="14.25" customHeight="1" x14ac:dyDescent="0.75"/>
    <row r="811" ht="14.25" customHeight="1" x14ac:dyDescent="0.75"/>
    <row r="812" ht="14.25" customHeight="1" x14ac:dyDescent="0.75"/>
    <row r="813" ht="14.25" customHeight="1" x14ac:dyDescent="0.75"/>
    <row r="814" ht="14.25" customHeight="1" x14ac:dyDescent="0.75"/>
    <row r="815" ht="14.25" customHeight="1" x14ac:dyDescent="0.75"/>
    <row r="816" ht="14.25" customHeight="1" x14ac:dyDescent="0.75"/>
    <row r="817" ht="14.25" customHeight="1" x14ac:dyDescent="0.75"/>
    <row r="818" ht="14.25" customHeight="1" x14ac:dyDescent="0.75"/>
    <row r="819" ht="14.25" customHeight="1" x14ac:dyDescent="0.75"/>
    <row r="820" ht="14.25" customHeight="1" x14ac:dyDescent="0.75"/>
    <row r="821" ht="14.25" customHeight="1" x14ac:dyDescent="0.75"/>
    <row r="822" ht="14.25" customHeight="1" x14ac:dyDescent="0.75"/>
    <row r="823" ht="14.25" customHeight="1" x14ac:dyDescent="0.75"/>
    <row r="824" ht="14.25" customHeight="1" x14ac:dyDescent="0.75"/>
    <row r="825" ht="14.25" customHeight="1" x14ac:dyDescent="0.75"/>
    <row r="826" ht="14.25" customHeight="1" x14ac:dyDescent="0.75"/>
    <row r="827" ht="14.25" customHeight="1" x14ac:dyDescent="0.75"/>
    <row r="828" ht="14.25" customHeight="1" x14ac:dyDescent="0.75"/>
    <row r="829" ht="14.25" customHeight="1" x14ac:dyDescent="0.75"/>
    <row r="830" ht="14.25" customHeight="1" x14ac:dyDescent="0.75"/>
    <row r="831" ht="14.25" customHeight="1" x14ac:dyDescent="0.75"/>
    <row r="832" ht="14.25" customHeight="1" x14ac:dyDescent="0.75"/>
    <row r="833" ht="14.25" customHeight="1" x14ac:dyDescent="0.75"/>
    <row r="834" ht="14.25" customHeight="1" x14ac:dyDescent="0.75"/>
    <row r="835" ht="14.25" customHeight="1" x14ac:dyDescent="0.75"/>
    <row r="836" ht="14.25" customHeight="1" x14ac:dyDescent="0.75"/>
    <row r="837" ht="14.25" customHeight="1" x14ac:dyDescent="0.75"/>
    <row r="838" ht="14.25" customHeight="1" x14ac:dyDescent="0.75"/>
    <row r="839" ht="14.25" customHeight="1" x14ac:dyDescent="0.75"/>
    <row r="840" ht="14.25" customHeight="1" x14ac:dyDescent="0.75"/>
    <row r="841" ht="14.25" customHeight="1" x14ac:dyDescent="0.75"/>
    <row r="842" ht="14.25" customHeight="1" x14ac:dyDescent="0.75"/>
    <row r="843" ht="14.25" customHeight="1" x14ac:dyDescent="0.75"/>
    <row r="844" ht="14.25" customHeight="1" x14ac:dyDescent="0.75"/>
    <row r="845" ht="14.25" customHeight="1" x14ac:dyDescent="0.75"/>
    <row r="846" ht="14.25" customHeight="1" x14ac:dyDescent="0.75"/>
    <row r="847" ht="14.25" customHeight="1" x14ac:dyDescent="0.75"/>
    <row r="848" ht="14.25" customHeight="1" x14ac:dyDescent="0.75"/>
    <row r="849" ht="14.25" customHeight="1" x14ac:dyDescent="0.75"/>
    <row r="850" ht="14.25" customHeight="1" x14ac:dyDescent="0.75"/>
    <row r="851" ht="14.25" customHeight="1" x14ac:dyDescent="0.75"/>
    <row r="852" ht="14.25" customHeight="1" x14ac:dyDescent="0.75"/>
    <row r="853" ht="14.25" customHeight="1" x14ac:dyDescent="0.75"/>
    <row r="854" ht="14.25" customHeight="1" x14ac:dyDescent="0.75"/>
    <row r="855" ht="14.25" customHeight="1" x14ac:dyDescent="0.75"/>
    <row r="856" ht="14.25" customHeight="1" x14ac:dyDescent="0.75"/>
    <row r="857" ht="14.25" customHeight="1" x14ac:dyDescent="0.75"/>
    <row r="858" ht="14.25" customHeight="1" x14ac:dyDescent="0.75"/>
    <row r="859" ht="14.25" customHeight="1" x14ac:dyDescent="0.75"/>
    <row r="860" ht="14.25" customHeight="1" x14ac:dyDescent="0.75"/>
    <row r="861" ht="14.25" customHeight="1" x14ac:dyDescent="0.75"/>
    <row r="862" ht="14.25" customHeight="1" x14ac:dyDescent="0.75"/>
    <row r="863" ht="14.25" customHeight="1" x14ac:dyDescent="0.75"/>
    <row r="864" ht="14.25" customHeight="1" x14ac:dyDescent="0.75"/>
    <row r="865" ht="14.25" customHeight="1" x14ac:dyDescent="0.75"/>
    <row r="866" ht="14.25" customHeight="1" x14ac:dyDescent="0.75"/>
    <row r="867" ht="14.25" customHeight="1" x14ac:dyDescent="0.75"/>
    <row r="868" ht="14.25" customHeight="1" x14ac:dyDescent="0.75"/>
    <row r="869" ht="14.25" customHeight="1" x14ac:dyDescent="0.75"/>
    <row r="870" ht="14.25" customHeight="1" x14ac:dyDescent="0.75"/>
    <row r="871" ht="14.25" customHeight="1" x14ac:dyDescent="0.75"/>
    <row r="872" ht="14.25" customHeight="1" x14ac:dyDescent="0.75"/>
    <row r="873" ht="14.25" customHeight="1" x14ac:dyDescent="0.75"/>
    <row r="874" ht="14.25" customHeight="1" x14ac:dyDescent="0.75"/>
    <row r="875" ht="14.25" customHeight="1" x14ac:dyDescent="0.75"/>
    <row r="876" ht="14.25" customHeight="1" x14ac:dyDescent="0.75"/>
    <row r="877" ht="14.25" customHeight="1" x14ac:dyDescent="0.75"/>
    <row r="878" ht="14.25" customHeight="1" x14ac:dyDescent="0.75"/>
    <row r="879" ht="14.25" customHeight="1" x14ac:dyDescent="0.75"/>
    <row r="880" ht="14.25" customHeight="1" x14ac:dyDescent="0.75"/>
    <row r="881" ht="14.25" customHeight="1" x14ac:dyDescent="0.75"/>
    <row r="882" ht="14.25" customHeight="1" x14ac:dyDescent="0.75"/>
    <row r="883" ht="14.25" customHeight="1" x14ac:dyDescent="0.75"/>
    <row r="884" ht="14.25" customHeight="1" x14ac:dyDescent="0.75"/>
    <row r="885" ht="14.25" customHeight="1" x14ac:dyDescent="0.75"/>
    <row r="886" ht="14.25" customHeight="1" x14ac:dyDescent="0.75"/>
    <row r="887" ht="14.25" customHeight="1" x14ac:dyDescent="0.75"/>
    <row r="888" ht="14.25" customHeight="1" x14ac:dyDescent="0.75"/>
    <row r="889" ht="14.25" customHeight="1" x14ac:dyDescent="0.75"/>
    <row r="890" ht="14.25" customHeight="1" x14ac:dyDescent="0.75"/>
    <row r="891" ht="14.25" customHeight="1" x14ac:dyDescent="0.75"/>
    <row r="892" ht="14.25" customHeight="1" x14ac:dyDescent="0.75"/>
    <row r="893" ht="14.25" customHeight="1" x14ac:dyDescent="0.75"/>
    <row r="894" ht="14.25" customHeight="1" x14ac:dyDescent="0.75"/>
    <row r="895" ht="14.25" customHeight="1" x14ac:dyDescent="0.75"/>
    <row r="896" ht="14.25" customHeight="1" x14ac:dyDescent="0.75"/>
    <row r="897" ht="14.25" customHeight="1" x14ac:dyDescent="0.75"/>
    <row r="898" ht="14.25" customHeight="1" x14ac:dyDescent="0.75"/>
    <row r="899" ht="14.25" customHeight="1" x14ac:dyDescent="0.75"/>
    <row r="900" ht="14.25" customHeight="1" x14ac:dyDescent="0.75"/>
    <row r="901" ht="14.25" customHeight="1" x14ac:dyDescent="0.75"/>
    <row r="902" ht="14.25" customHeight="1" x14ac:dyDescent="0.75"/>
    <row r="903" ht="14.25" customHeight="1" x14ac:dyDescent="0.75"/>
    <row r="904" ht="14.25" customHeight="1" x14ac:dyDescent="0.75"/>
    <row r="905" ht="14.25" customHeight="1" x14ac:dyDescent="0.75"/>
    <row r="906" ht="14.25" customHeight="1" x14ac:dyDescent="0.75"/>
    <row r="907" ht="14.25" customHeight="1" x14ac:dyDescent="0.75"/>
    <row r="908" ht="14.25" customHeight="1" x14ac:dyDescent="0.75"/>
    <row r="909" ht="14.25" customHeight="1" x14ac:dyDescent="0.75"/>
    <row r="910" ht="14.25" customHeight="1" x14ac:dyDescent="0.75"/>
    <row r="911" ht="14.25" customHeight="1" x14ac:dyDescent="0.75"/>
    <row r="912" ht="14.25" customHeight="1" x14ac:dyDescent="0.75"/>
    <row r="913" ht="14.25" customHeight="1" x14ac:dyDescent="0.75"/>
    <row r="914" ht="14.25" customHeight="1" x14ac:dyDescent="0.75"/>
    <row r="915" ht="14.25" customHeight="1" x14ac:dyDescent="0.75"/>
    <row r="916" ht="14.25" customHeight="1" x14ac:dyDescent="0.75"/>
    <row r="917" ht="14.25" customHeight="1" x14ac:dyDescent="0.75"/>
    <row r="918" ht="14.25" customHeight="1" x14ac:dyDescent="0.75"/>
    <row r="919" ht="14.25" customHeight="1" x14ac:dyDescent="0.75"/>
    <row r="920" ht="14.25" customHeight="1" x14ac:dyDescent="0.75"/>
    <row r="921" ht="14.25" customHeight="1" x14ac:dyDescent="0.75"/>
    <row r="922" ht="14.25" customHeight="1" x14ac:dyDescent="0.75"/>
    <row r="923" ht="14.25" customHeight="1" x14ac:dyDescent="0.75"/>
    <row r="924" ht="14.25" customHeight="1" x14ac:dyDescent="0.75"/>
    <row r="925" ht="14.25" customHeight="1" x14ac:dyDescent="0.75"/>
    <row r="926" ht="14.25" customHeight="1" x14ac:dyDescent="0.75"/>
    <row r="927" ht="14.25" customHeight="1" x14ac:dyDescent="0.75"/>
    <row r="928" ht="14.25" customHeight="1" x14ac:dyDescent="0.75"/>
    <row r="929" ht="14.25" customHeight="1" x14ac:dyDescent="0.75"/>
    <row r="930" ht="14.25" customHeight="1" x14ac:dyDescent="0.75"/>
    <row r="931" ht="14.25" customHeight="1" x14ac:dyDescent="0.75"/>
    <row r="932" ht="14.25" customHeight="1" x14ac:dyDescent="0.75"/>
    <row r="933" ht="14.25" customHeight="1" x14ac:dyDescent="0.75"/>
    <row r="934" ht="14.25" customHeight="1" x14ac:dyDescent="0.75"/>
    <row r="935" ht="14.25" customHeight="1" x14ac:dyDescent="0.75"/>
    <row r="936" ht="14.25" customHeight="1" x14ac:dyDescent="0.75"/>
    <row r="937" ht="14.25" customHeight="1" x14ac:dyDescent="0.75"/>
    <row r="938" ht="14.25" customHeight="1" x14ac:dyDescent="0.75"/>
    <row r="939" ht="14.25" customHeight="1" x14ac:dyDescent="0.75"/>
    <row r="940" ht="14.25" customHeight="1" x14ac:dyDescent="0.75"/>
    <row r="941" ht="14.25" customHeight="1" x14ac:dyDescent="0.75"/>
    <row r="942" ht="14.25" customHeight="1" x14ac:dyDescent="0.75"/>
    <row r="943" ht="14.25" customHeight="1" x14ac:dyDescent="0.75"/>
    <row r="944" ht="14.25" customHeight="1" x14ac:dyDescent="0.75"/>
    <row r="945" ht="14.25" customHeight="1" x14ac:dyDescent="0.75"/>
    <row r="946" ht="14.25" customHeight="1" x14ac:dyDescent="0.75"/>
    <row r="947" ht="14.25" customHeight="1" x14ac:dyDescent="0.75"/>
    <row r="948" ht="14.25" customHeight="1" x14ac:dyDescent="0.75"/>
    <row r="949" ht="14.25" customHeight="1" x14ac:dyDescent="0.75"/>
    <row r="950" ht="14.25" customHeight="1" x14ac:dyDescent="0.75"/>
    <row r="951" ht="14.25" customHeight="1" x14ac:dyDescent="0.75"/>
    <row r="952" ht="14.25" customHeight="1" x14ac:dyDescent="0.75"/>
    <row r="953" ht="14.25" customHeight="1" x14ac:dyDescent="0.75"/>
    <row r="954" ht="14.25" customHeight="1" x14ac:dyDescent="0.75"/>
    <row r="955" ht="14.25" customHeight="1" x14ac:dyDescent="0.75"/>
    <row r="956" ht="14.25" customHeight="1" x14ac:dyDescent="0.75"/>
    <row r="957" ht="14.25" customHeight="1" x14ac:dyDescent="0.75"/>
    <row r="958" ht="14.25" customHeight="1" x14ac:dyDescent="0.75"/>
    <row r="959" ht="14.25" customHeight="1" x14ac:dyDescent="0.75"/>
    <row r="960" ht="14.25" customHeight="1" x14ac:dyDescent="0.75"/>
    <row r="961" ht="14.25" customHeight="1" x14ac:dyDescent="0.75"/>
    <row r="962" ht="14.25" customHeight="1" x14ac:dyDescent="0.75"/>
    <row r="963" ht="14.25" customHeight="1" x14ac:dyDescent="0.75"/>
    <row r="964" ht="14.25" customHeight="1" x14ac:dyDescent="0.75"/>
    <row r="965" ht="14.25" customHeight="1" x14ac:dyDescent="0.75"/>
    <row r="966" ht="14.25" customHeight="1" x14ac:dyDescent="0.75"/>
    <row r="967" ht="14.25" customHeight="1" x14ac:dyDescent="0.75"/>
    <row r="968" ht="14.25" customHeight="1" x14ac:dyDescent="0.75"/>
    <row r="969" ht="14.25" customHeight="1" x14ac:dyDescent="0.75"/>
    <row r="970" ht="14.25" customHeight="1" x14ac:dyDescent="0.75"/>
    <row r="971" ht="14.25" customHeight="1" x14ac:dyDescent="0.75"/>
    <row r="972" ht="14.25" customHeight="1" x14ac:dyDescent="0.75"/>
    <row r="973" ht="14.25" customHeight="1" x14ac:dyDescent="0.75"/>
    <row r="974" ht="14.25" customHeight="1" x14ac:dyDescent="0.75"/>
    <row r="975" ht="14.25" customHeight="1" x14ac:dyDescent="0.75"/>
    <row r="976" ht="14.25" customHeight="1" x14ac:dyDescent="0.75"/>
    <row r="977" ht="14.25" customHeight="1" x14ac:dyDescent="0.75"/>
    <row r="978" ht="14.25" customHeight="1" x14ac:dyDescent="0.75"/>
    <row r="979" ht="14.25" customHeight="1" x14ac:dyDescent="0.75"/>
    <row r="980" ht="14.25" customHeight="1" x14ac:dyDescent="0.75"/>
    <row r="981" ht="14.25" customHeight="1" x14ac:dyDescent="0.75"/>
    <row r="982" ht="14.25" customHeight="1" x14ac:dyDescent="0.75"/>
    <row r="983" ht="14.25" customHeight="1" x14ac:dyDescent="0.75"/>
    <row r="984" ht="14.25" customHeight="1" x14ac:dyDescent="0.75"/>
    <row r="985" ht="14.25" customHeight="1" x14ac:dyDescent="0.75"/>
    <row r="986" ht="14.25" customHeight="1" x14ac:dyDescent="0.75"/>
    <row r="987" ht="14.25" customHeight="1" x14ac:dyDescent="0.75"/>
    <row r="988" ht="14.25" customHeight="1" x14ac:dyDescent="0.75"/>
    <row r="989" ht="14.25" customHeight="1" x14ac:dyDescent="0.75"/>
    <row r="990" ht="14.25" customHeight="1" x14ac:dyDescent="0.75"/>
    <row r="991" ht="14.25" customHeight="1" x14ac:dyDescent="0.75"/>
    <row r="992" ht="14.25" customHeight="1" x14ac:dyDescent="0.75"/>
    <row r="993" ht="14.25" customHeight="1" x14ac:dyDescent="0.75"/>
    <row r="994" ht="14.25" customHeight="1" x14ac:dyDescent="0.75"/>
    <row r="995" ht="14.25" customHeight="1" x14ac:dyDescent="0.75"/>
    <row r="996" ht="14.25" customHeight="1" x14ac:dyDescent="0.75"/>
    <row r="997" ht="14.25" customHeight="1" x14ac:dyDescent="0.75"/>
    <row r="998" ht="14.25" customHeight="1" x14ac:dyDescent="0.75"/>
    <row r="999" ht="14.25" customHeight="1" x14ac:dyDescent="0.75"/>
    <row r="1000" ht="14.25" customHeight="1" x14ac:dyDescent="0.75"/>
    <row r="1001" ht="14.25" customHeight="1" x14ac:dyDescent="0.75"/>
  </sheetData>
  <mergeCells count="6">
    <mergeCell ref="B6:L6"/>
    <mergeCell ref="B2:L2"/>
    <mergeCell ref="B3:L3"/>
    <mergeCell ref="B4:C4"/>
    <mergeCell ref="G4:H4"/>
    <mergeCell ref="B5:L5"/>
  </mergeCells>
  <pageMargins left="0.7" right="0.7" top="0.75" bottom="0.75" header="0" footer="0"/>
  <pageSetup orientation="portrait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lcf76f155ced4ddcb4097134ff3c332f xmlns="570fe431-bf55-4064-a205-612032e3e71e">
      <Terms xmlns="http://schemas.microsoft.com/office/infopath/2007/PartnerControls"/>
    </lcf76f155ced4ddcb4097134ff3c332f>
    <_ip_UnifiedCompliancePolicyProperties xmlns="http://schemas.microsoft.com/sharepoint/v3" xsi:nil="true"/>
    <TaxCatchAll xmlns="c3d8ea7b-983a-413c-b71d-cb776c5e2e9a" xsi:nil="true"/>
  </documentManagement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7BCFC6B22AD6442A8AC2D52DC4BEA65" ma:contentTypeVersion="18" ma:contentTypeDescription="Create a new document." ma:contentTypeScope="" ma:versionID="3651e242920507d14befabbc68b806ca">
  <xsd:schema xmlns:xsd="http://www.w3.org/2001/XMLSchema" xmlns:xs="http://www.w3.org/2001/XMLSchema" xmlns:p="http://schemas.microsoft.com/office/2006/metadata/properties" xmlns:ns1="http://schemas.microsoft.com/sharepoint/v3" xmlns:ns2="c3d8ea7b-983a-413c-b71d-cb776c5e2e9a" xmlns:ns3="570fe431-bf55-4064-a205-612032e3e71e" targetNamespace="http://schemas.microsoft.com/office/2006/metadata/properties" ma:root="true" ma:fieldsID="dd1024bb246c4f3856be8b827b75d91e" ns1:_="" ns2:_="" ns3:_="">
    <xsd:import namespace="http://schemas.microsoft.com/sharepoint/v3"/>
    <xsd:import namespace="c3d8ea7b-983a-413c-b71d-cb776c5e2e9a"/>
    <xsd:import namespace="570fe431-bf55-4064-a205-612032e3e71e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1:_ip_UnifiedCompliancePolicyProperties" minOccurs="0"/>
                <xsd:element ref="ns1:_ip_UnifiedCompliancePolicyUIAction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3:lcf76f155ced4ddcb4097134ff3c332f" minOccurs="0"/>
                <xsd:element ref="ns2:TaxCatchAll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3d8ea7b-983a-413c-b71d-cb776c5e2e9a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2b8581ca-7a8c-4103-b520-48c54dca75e4}" ma:internalName="TaxCatchAll" ma:showField="CatchAllData" ma:web="c3d8ea7b-983a-413c-b71d-cb776c5e2e9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70fe431-bf55-4064-a205-612032e3e71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da2157d8-ccc1-4fc8-a2a4-3f8f6553454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87BF4059-47B2-4002-BE4B-4EFC7DE87028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9A2505D3-E7D7-44DE-86A5-B0C98663AA95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70fe431-bf55-4064-a205-612032e3e71e"/>
    <ds:schemaRef ds:uri="c3d8ea7b-983a-413c-b71d-cb776c5e2e9a"/>
  </ds:schemaRefs>
</ds:datastoreItem>
</file>

<file path=customXml/itemProps3.xml><?xml version="1.0" encoding="utf-8"?>
<ds:datastoreItem xmlns:ds="http://schemas.openxmlformats.org/officeDocument/2006/customXml" ds:itemID="{0C56A499-C1C6-40CD-B9A5-E313D17976E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c3d8ea7b-983a-413c-b71d-cb776c5e2e9a"/>
    <ds:schemaRef ds:uri="570fe431-bf55-4064-a205-612032e3e71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3</vt:i4>
      </vt:variant>
    </vt:vector>
  </HeadingPairs>
  <TitlesOfParts>
    <vt:vector size="3" baseType="lpstr">
      <vt:lpstr>Inventory</vt:lpstr>
      <vt:lpstr>2023</vt:lpstr>
      <vt:lpstr>2024</vt:lpstr>
    </vt:vector>
  </TitlesOfParts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im Bridgers</dc:creator>
  <cp:lastModifiedBy>McLean, Heather</cp:lastModifiedBy>
  <cp:lastPrinted>2025-10-17T20:30:13Z</cp:lastPrinted>
  <dcterms:created xsi:type="dcterms:W3CDTF">2023-11-20T17:34:59Z</dcterms:created>
  <dcterms:modified xsi:type="dcterms:W3CDTF">2025-10-17T20:30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liveoak</vt:lpwstr>
  </property>
  <property fmtid="{D5CDD505-2E9C-101B-9397-08002B2CF9AE}" pid="3" name="TemplafyTemplateId">
    <vt:lpwstr>638049576773290996</vt:lpwstr>
  </property>
  <property fmtid="{D5CDD505-2E9C-101B-9397-08002B2CF9AE}" pid="4" name="TemplafyUserProfileId">
    <vt:lpwstr>637854607013048856</vt:lpwstr>
  </property>
  <property fmtid="{D5CDD505-2E9C-101B-9397-08002B2CF9AE}" pid="5" name="TemplafyFromBlank">
    <vt:bool>true</vt:bool>
  </property>
  <property fmtid="{D5CDD505-2E9C-101B-9397-08002B2CF9AE}" pid="6" name="ContentTypeId">
    <vt:lpwstr>0x010100A7BCFC6B22AD6442A8AC2D52DC4BEA65</vt:lpwstr>
  </property>
  <property fmtid="{D5CDD505-2E9C-101B-9397-08002B2CF9AE}" pid="7" name="MediaServiceImageTags">
    <vt:lpwstr/>
  </property>
</Properties>
</file>